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97" d="100"/>
          <a:sy n="97" d="100"/>
        </p:scale>
        <p:origin x="102" y="2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7A1251-8411-F4AA-6D15-06B0B398140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0035BB-732E-828B-994E-9386721649C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6B49B0-66B2-238F-8BEF-BAB630E93D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2BECAD-7EA7-42AE-F8E7-B49D84593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BD2306-92C7-BAC7-DE3F-2390C16D82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58238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07664A-7FDB-DE17-7671-57C5B15067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6EE1A5-22B0-C339-AE93-943C56B8DD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24FC92-46E4-68A2-0795-B743720B10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BE9F3F-D2EC-5793-4C07-7505A87B5F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DB64F-56F2-9520-0ADE-CFA424227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644752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5A3C399-DA74-8353-60E6-BD9BFCC0D8B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16756FA-3280-3042-3B1F-A334BCF313E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273235-E34A-E501-6BD7-A8B8AB6B41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0F6BC2-4636-9B5E-1EC2-4C6100685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6BE013-9185-A452-19E2-C0E58B40F9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639522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0682A8-D77B-4812-BF77-AE9A7145BCD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067F470-9023-4EEB-BB29-AD69EFF51E4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03ADD5-1CF5-4013-BF53-0ECA60FB06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05E8B8E-A5F2-40B8-8709-5875B9C85F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73B204-4BD3-4F8B-AFB6-2DDFD2B34D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39048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8EC663-F6FF-4158-B341-20DCCD694A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706370-0778-4003-A186-4F30BAFA0AC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9038FC-B338-4206-A186-D5445DA6C3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A830B2-7668-4DC5-847F-024135AB90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C641E40-D7A6-4B0B-B6E8-3C4AB8CE62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70769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9578FE-ECA8-4DF6-8D6E-763055334F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7C6320-D009-4CC0-A60B-D1FF91FD82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BCA63D-48C9-464D-B661-A83311E081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EAE5DA-BEEC-4DBE-ABB6-E5A0CCB5D9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5CAE8E-DFF6-4C1F-AFB2-5E0276FDB0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408597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16C8DD-1DAC-418D-8603-EEF8D2D90B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4DF974-0BD1-4E0B-9D6B-99D19990F69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AF8B451-5C2D-4E8A-9488-620E9205AFB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4321B98-66E7-430A-861E-E0C9BA5992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5C2B33-50F8-431D-85EB-C3928C57B9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2FBCA8-74D9-49FB-AE03-1C69502C18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583595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ABDA77-FD78-43D9-AF17-3597FC8242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B9CE63-4EB6-4A83-90DE-61AB7900B1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7B4C57D-E00D-45DF-8AA0-900B46BF34B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D56C2-4345-47AC-A70B-EFB528FFB04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B33B701-45E7-44AE-AD8F-8611CE6FC69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AB5B00F-E189-46BB-B445-8CE10BC40C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9543A90-8A89-495F-9799-F63A2A9BEA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106016A-B51B-4894-9C14-C7CECAD391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267228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57FC85-41C0-4CE6-BE7F-D5FBEF236E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947A889-EA9F-4525-9DC1-4C5292351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59E7C65-1DEC-4E50-9BF6-79C9DE66F6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6C9D47F-0C78-4F2B-8DDA-D31A135164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977270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93E6B40-9681-41C9-AEA7-A3368EE04F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3CB45B9-50D4-48D5-BA37-E4012FFC31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4276FD7-5388-4709-9D7E-56CBFDDA90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0238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B84AFC-1C81-4421-B1E2-82E9044083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A34EAF-9486-44CC-86EF-90657A91BA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7AB7B59-4856-47AB-95F4-D6F6AEF749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120003-CEEE-4101-91CC-8C60E10D21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EC5EF33-9D20-47D6-B2D5-64F9B7CA02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C00DFB-126C-42D2-B14E-318A9C772A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69273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CAE9B9-13ED-8204-7DE5-3C5399E3FD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94B205-161C-9229-13B9-61A1D1738F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638F0-6FDD-0356-A5D6-6830049005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E420C0-F2FA-4D92-5403-E0C3316416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A1CF6D-1381-9493-CB40-6372686F3B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533655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8D2A6-1156-445F-B1E5-1D71FEDCDD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CC486ED-2DFE-4CFA-8063-3136832EAD7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CEEC7FA-C018-4681-AF53-893F4403C0C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D828C5C-E4D2-4A3C-91EB-D1CBE7273A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A9C192-E5B6-441E-9541-E82B116355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38B4D91-1F52-4489-B7C4-CB980C30AA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61532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6CDC78-2EB8-4752-91E8-C2CBAF5BEB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8695E9-F591-47CE-B1B6-2FF488E04A5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886746-2AF5-4011-B83F-C63E09E1C9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9B7D53-4FFB-4BBF-BD3E-1FCD9CB1EE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083052-FA12-4FE0-82E8-C4F050C2C6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554934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B0C04BE-30E3-44DD-8107-7BF1767BA9C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8E3E9A-EBFB-4872-ACBB-1EB92999ED3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03131F-C567-4395-83CC-57963E6FE7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8F7696-9083-4656-A08A-CB7A0F6C10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AFE249-C66F-4054-B2D9-366558D40A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32714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08FE27-7F3B-62FF-E470-C9B45EA3EB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E68B456-E0F2-1F4F-F700-6A7789917D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56B74D-BE38-B3A5-C919-B05375B912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5B648B-F6E1-67A4-CA2B-B704D84760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E5CE72-EC8D-00F7-BD72-F3DF0DBCDC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11309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5292FB-1270-A1C0-24CA-9C267B88DC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7BF17C-479B-8E78-B82D-A9041BC619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7E54115-F010-82DD-C5DF-60372EF7DAC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A85382-DAAD-FEBC-A9A4-ABC9A82A76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2B5AD2-9E27-94A4-2B1D-F0D57B09CA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4F9C17F-2219-7BF9-D658-4CA415D641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760654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4CEE69-94E1-7442-CFCD-CCDFFCC84C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282320-E4E9-1060-6881-5A9500FD48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5260147-2480-DFA4-DE0D-86C65FF23C7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9090D4E-004D-B571-DF06-1F34DC76D4C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CAB813-20F8-13B0-6B15-49637B281B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D2C953-F7C2-C751-493C-0E2865939C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85A9BA7-490F-8DCF-448B-E1B4C59270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171FE9A-2CA6-9A4D-7109-5C7A1AF239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550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D04793-6233-5643-C685-D23ED89566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729040-F4E6-2483-3608-EC39B8A1E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44FDEB-2228-D6AB-506D-8DFCE0D596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C784D7E-2C31-0A80-9873-D96973599D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66336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0645691-C197-0114-0811-B86E7AC323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7F883F-A511-B3D4-3915-60EB36E97A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99F5584-F3A0-1C40-E185-2B5F2AFCE2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84702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21677-CB47-3285-5098-157742D47B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224C1-D628-D760-9C60-1F6FB06B99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F991245-274C-D9A8-E3A8-08ABE103CD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E9365B-F61E-2196-DC3B-22EB2371A2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C5BE751-A1CF-A0A0-E1FF-E30D2B9E1E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155756-2AE8-2032-189B-8DCB0EC37A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356499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F017A-3BBC-355C-0571-E162655BD9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01439D3-7DF3-279E-4608-8B612CE500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20DB7F6-4273-4A4D-9BA4-A48CBA37CC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4B636D-D779-A8F9-D99F-E27FF43E20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839DEA5-49E9-7F3D-4ED8-F0323E15AF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D3BE44-8CEE-28C0-75E9-59300976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65043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3875854-A558-AA52-FC38-091995671D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0475AB-7D2A-58B1-D6E3-9911CC6F4D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E8619-53B1-49E3-16B6-813262C7935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962746D-4095-E6CF-41A8-D0C1B3CDCF0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93591A-0C94-D35D-25CC-0494D89E3D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35275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BB55D6A-F309-4F5F-B417-95F7BAA317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5ABFFEE-B46E-4FBE-8E19-B52C78EE79F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E3DA8-8533-479F-B5E8-CA6B48B9120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C58D700-2804-4D81-A91E-CB31F92CD3F1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1D66F4-F440-4D22-B4EE-C62051FE5D7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78C2CB-A5C3-41AA-A4C5-295B9C1FD72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42026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slideLayout" Target="../slideLayouts/slideLayout1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image" Target="../media/image2.png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C115723-7B0F-B0D6-9A6E-24DA87CC6C1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OTLSHAPE_SL_6ebd25c9d1ec4c61b195fd139e1c044f_BackgroundRectangle">
            <a:extLst>
              <a:ext uri="{FF2B5EF4-FFF2-40B4-BE49-F238E27FC236}">
                <a16:creationId xmlns:a16="http://schemas.microsoft.com/office/drawing/2014/main" id="{7E7DC3BE-0C6D-24F2-95D1-FEBBA6FBF2D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93975"/>
            <a:ext cx="11201400" cy="74168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359e8daf88b84e74b1a6ae1978c01aa2_BackgroundRectangle">
            <a:extLst>
              <a:ext uri="{FF2B5EF4-FFF2-40B4-BE49-F238E27FC236}">
                <a16:creationId xmlns:a16="http://schemas.microsoft.com/office/drawing/2014/main" id="{396BA8DB-9CE1-C3F2-D3B3-D9766D0C2BB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199155"/>
            <a:ext cx="11201400" cy="74168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f454f32cda8145e6abf8ef6a8701115b_BackgroundRectangle">
            <a:extLst>
              <a:ext uri="{FF2B5EF4-FFF2-40B4-BE49-F238E27FC236}">
                <a16:creationId xmlns:a16="http://schemas.microsoft.com/office/drawing/2014/main" id="{37D0014C-8503-3DEC-CBEA-76A51E9FAA8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04335"/>
            <a:ext cx="11201400" cy="74168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_7fa8ed855fa14877957191d8ba1c66e7_BackgroundRectangle">
            <a:extLst>
              <a:ext uri="{FF2B5EF4-FFF2-40B4-BE49-F238E27FC236}">
                <a16:creationId xmlns:a16="http://schemas.microsoft.com/office/drawing/2014/main" id="{F4258FAA-44D4-F7DD-41EB-1FCED49F0D1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809515"/>
            <a:ext cx="11201400" cy="74168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2A_a4998e0270544f05a457d85a04589ede_BackgroundRectangle" hidden="1">
            <a:extLst>
              <a:ext uri="{FF2B5EF4-FFF2-40B4-BE49-F238E27FC236}">
                <a16:creationId xmlns:a16="http://schemas.microsoft.com/office/drawing/2014/main" id="{D883D7FC-BE26-BD8A-B9A2-52699995C8B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90600" y="2393975"/>
            <a:ext cx="10274300" cy="7416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" name="OTLSHAPE_SL2A_287c7587159c450f90b921715b7b52e8_BackgroundRectangle" hidden="1">
            <a:extLst>
              <a:ext uri="{FF2B5EF4-FFF2-40B4-BE49-F238E27FC236}">
                <a16:creationId xmlns:a16="http://schemas.microsoft.com/office/drawing/2014/main" id="{7D7083DF-A113-4C71-B6AF-E2E816BB709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90600" y="3199155"/>
            <a:ext cx="10274300" cy="7416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OTLSHAPE_SL2A_0b7f582c9ff0411597c54c0eed1ba138_BackgroundRectangle" hidden="1">
            <a:extLst>
              <a:ext uri="{FF2B5EF4-FFF2-40B4-BE49-F238E27FC236}">
                <a16:creationId xmlns:a16="http://schemas.microsoft.com/office/drawing/2014/main" id="{3A018DF2-2DCD-88C2-388C-CFB7A372C5B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90600" y="4004335"/>
            <a:ext cx="10274300" cy="7416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SL2A_eb756e0f67bf48859830148344ec09b6_BackgroundRectangle" hidden="1">
            <a:extLst>
              <a:ext uri="{FF2B5EF4-FFF2-40B4-BE49-F238E27FC236}">
                <a16:creationId xmlns:a16="http://schemas.microsoft.com/office/drawing/2014/main" id="{F9A453D4-7567-84F9-0E20-872CEC836DC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90600" y="4809515"/>
            <a:ext cx="10274300" cy="7416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251CC3CA-DB9A-CB54-EF10-2777482615B3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A6B72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36F8397-DD61-3E2B-E47D-5ED10800602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254" name="OTLSHAPE_SLA_cc1a7fe4efe84e9b94226664fdf59534_Connector1">
            <a:extLst>
              <a:ext uri="{FF2B5EF4-FFF2-40B4-BE49-F238E27FC236}">
                <a16:creationId xmlns:a16="http://schemas.microsoft.com/office/drawing/2014/main" id="{AC5BC16C-CCA1-A42F-2485-8CD17EC79CC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569694" y="255395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SLA_762d57be309a4818b3e28c0e007f3ca4_Connector1">
            <a:extLst>
              <a:ext uri="{FF2B5EF4-FFF2-40B4-BE49-F238E27FC236}">
                <a16:creationId xmlns:a16="http://schemas.microsoft.com/office/drawing/2014/main" id="{6C393B63-8F21-08DF-BBBB-2A64A53D1BF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753917" y="255395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SLA_f36405f708974c74baeb4a1339690d26_Connector1">
            <a:extLst>
              <a:ext uri="{FF2B5EF4-FFF2-40B4-BE49-F238E27FC236}">
                <a16:creationId xmlns:a16="http://schemas.microsoft.com/office/drawing/2014/main" id="{C004D9F9-D5C0-DA10-3857-E00CE9820F2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247212" y="255395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SLA_f2311c3e792d428fbf1ced8c97fa287b_Connector1">
            <a:extLst>
              <a:ext uri="{FF2B5EF4-FFF2-40B4-BE49-F238E27FC236}">
                <a16:creationId xmlns:a16="http://schemas.microsoft.com/office/drawing/2014/main" id="{FB77F087-85AE-AAAC-D65C-80D4EE2BC71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183308" y="255395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SLA_3b56027a3fbd4a718b704a3d38cd04e6_Connector1">
            <a:extLst>
              <a:ext uri="{FF2B5EF4-FFF2-40B4-BE49-F238E27FC236}">
                <a16:creationId xmlns:a16="http://schemas.microsoft.com/office/drawing/2014/main" id="{1B226D67-39DA-C380-CE33-3513792DF97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163980" y="255395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SLA_ae45b2183a5c45bdb87c20998d04ef4d_Connector1">
            <a:extLst>
              <a:ext uri="{FF2B5EF4-FFF2-40B4-BE49-F238E27FC236}">
                <a16:creationId xmlns:a16="http://schemas.microsoft.com/office/drawing/2014/main" id="{B871A7DF-9271-4FA0-4356-D53418909C6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746427" y="255395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SLA_9d2d9569a35d42748a2c3a3c82895679_Connector1">
            <a:extLst>
              <a:ext uri="{FF2B5EF4-FFF2-40B4-BE49-F238E27FC236}">
                <a16:creationId xmlns:a16="http://schemas.microsoft.com/office/drawing/2014/main" id="{160D8D5D-C3F1-5481-A2C9-BA4C65A482E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461214" y="335913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SLA_a91aae4210a44b838ea7637c822311e2_Connector1">
            <a:extLst>
              <a:ext uri="{FF2B5EF4-FFF2-40B4-BE49-F238E27FC236}">
                <a16:creationId xmlns:a16="http://schemas.microsoft.com/office/drawing/2014/main" id="{A5752B85-C87E-C0E1-2B23-888D08F9BDC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110525" y="335913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SLA_7dbd9150f4ad4fc8858e244f73d9da06_Connector1">
            <a:extLst>
              <a:ext uri="{FF2B5EF4-FFF2-40B4-BE49-F238E27FC236}">
                <a16:creationId xmlns:a16="http://schemas.microsoft.com/office/drawing/2014/main" id="{6FF4D84E-9748-603E-7567-8D866F5B59C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180349" y="335913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SLA_b00fc9694afb4b7d9bc10cf49162db41_Connector1">
            <a:extLst>
              <a:ext uri="{FF2B5EF4-FFF2-40B4-BE49-F238E27FC236}">
                <a16:creationId xmlns:a16="http://schemas.microsoft.com/office/drawing/2014/main" id="{F0DAD5B4-AD82-EE98-68C9-0E37DDD08D4B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116444" y="335913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SLA_e925606444614101be8ad0c4a1aa5627_Connector1">
            <a:extLst>
              <a:ext uri="{FF2B5EF4-FFF2-40B4-BE49-F238E27FC236}">
                <a16:creationId xmlns:a16="http://schemas.microsoft.com/office/drawing/2014/main" id="{FDD29235-2C80-3EE1-6A55-8E2C7D261A7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679562" y="335913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SLA_08ad595ec11a4134805560c56e836195_Connector1">
            <a:extLst>
              <a:ext uri="{FF2B5EF4-FFF2-40B4-BE49-F238E27FC236}">
                <a16:creationId xmlns:a16="http://schemas.microsoft.com/office/drawing/2014/main" id="{FD70BFBA-F063-A566-DCE3-3058826068D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593370" y="3359133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SLA_74d2055a41f74e2bb7aeb0e914b024bf_Connector1">
            <a:extLst>
              <a:ext uri="{FF2B5EF4-FFF2-40B4-BE49-F238E27FC236}">
                <a16:creationId xmlns:a16="http://schemas.microsoft.com/office/drawing/2014/main" id="{34F94864-C103-45D1-9C9F-CF297AA97D9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152142" y="416431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SLA_6ca50cd90c1b4c1aae8ac63ade3b16af_Connector1">
            <a:extLst>
              <a:ext uri="{FF2B5EF4-FFF2-40B4-BE49-F238E27FC236}">
                <a16:creationId xmlns:a16="http://schemas.microsoft.com/office/drawing/2014/main" id="{2B32FC34-AF5F-794E-F71E-EA3EC7F219E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199677" y="416431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SLA_e95fd7d7df6f4b1f9fd218db87f9473b_Connector1">
            <a:extLst>
              <a:ext uri="{FF2B5EF4-FFF2-40B4-BE49-F238E27FC236}">
                <a16:creationId xmlns:a16="http://schemas.microsoft.com/office/drawing/2014/main" id="{4C1FEFD8-6B85-4C24-E9F5-474924794D18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269500" y="416431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" name="OTLSHAPE_SLA_57b8057ffecb431793f29d930e9b8035_Connector1">
            <a:extLst>
              <a:ext uri="{FF2B5EF4-FFF2-40B4-BE49-F238E27FC236}">
                <a16:creationId xmlns:a16="http://schemas.microsoft.com/office/drawing/2014/main" id="{B4B07004-937A-932A-BC0E-7CFF798F1470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629067" y="416431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SLA_b4a1779be02a4c1792072b72c736ca0b_Connector1">
            <a:extLst>
              <a:ext uri="{FF2B5EF4-FFF2-40B4-BE49-F238E27FC236}">
                <a16:creationId xmlns:a16="http://schemas.microsoft.com/office/drawing/2014/main" id="{054894FA-0CBE-D72B-6277-644FC2B86DD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498300" y="416431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SLA_d5906f168a244f15a81e35dd6a06c982_Connector1">
            <a:extLst>
              <a:ext uri="{FF2B5EF4-FFF2-40B4-BE49-F238E27FC236}">
                <a16:creationId xmlns:a16="http://schemas.microsoft.com/office/drawing/2014/main" id="{8E4EE9F9-AB90-AAD4-8C12-8B3870CAEBF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568123" y="416431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SLA_acab0bc7a6b64541a73cfaf227b34528_Connector1">
            <a:extLst>
              <a:ext uri="{FF2B5EF4-FFF2-40B4-BE49-F238E27FC236}">
                <a16:creationId xmlns:a16="http://schemas.microsoft.com/office/drawing/2014/main" id="{24637C46-2CC3-350D-D089-6BDC21CA47D4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152142" y="496949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SLA_f7a90dfa38c64d1fa8256a33eda16ea6_Connector1">
            <a:extLst>
              <a:ext uri="{FF2B5EF4-FFF2-40B4-BE49-F238E27FC236}">
                <a16:creationId xmlns:a16="http://schemas.microsoft.com/office/drawing/2014/main" id="{5060581A-38F6-463E-A778-DB9DD2C7B0A3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979757" y="496949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SLA_c5a1d5675a774c7aaf8bf9d1a8aeabb8_Connector1">
            <a:extLst>
              <a:ext uri="{FF2B5EF4-FFF2-40B4-BE49-F238E27FC236}">
                <a16:creationId xmlns:a16="http://schemas.microsoft.com/office/drawing/2014/main" id="{9A50A9E2-BC70-F725-9430-0EDA9856F37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227884" y="496949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SLA_091d953a7f8d46e4ac498bb25f7fb907_Connector1">
            <a:extLst>
              <a:ext uri="{FF2B5EF4-FFF2-40B4-BE49-F238E27FC236}">
                <a16:creationId xmlns:a16="http://schemas.microsoft.com/office/drawing/2014/main" id="{4DEBB365-D591-C471-D2D6-A52D298BF17B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966347" y="496949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SLA_5e65ff827864434c80b72661d9134a1f_Connector1">
            <a:extLst>
              <a:ext uri="{FF2B5EF4-FFF2-40B4-BE49-F238E27FC236}">
                <a16:creationId xmlns:a16="http://schemas.microsoft.com/office/drawing/2014/main" id="{8F0107D1-55F6-F504-DB7A-55FFD2BAB964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0596330" y="496949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SLA_d089fdccbacc481ab4e9e028daafaf7c_Connector1">
            <a:extLst>
              <a:ext uri="{FF2B5EF4-FFF2-40B4-BE49-F238E27FC236}">
                <a16:creationId xmlns:a16="http://schemas.microsoft.com/office/drawing/2014/main" id="{789BD3C8-F40A-5706-9E23-95411B7F85A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236763" y="4969492"/>
            <a:ext cx="0" cy="38857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TB_00000000000000000000000000000000_ScaleContainer">
            <a:extLst>
              <a:ext uri="{FF2B5EF4-FFF2-40B4-BE49-F238E27FC236}">
                <a16:creationId xmlns:a16="http://schemas.microsoft.com/office/drawing/2014/main" id="{3D6067EC-00F5-5ACC-97FF-E65B69C5B6D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17600" y="1806727"/>
            <a:ext cx="10147300" cy="182880"/>
          </a:xfrm>
          <a:prstGeom prst="round2Same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6ebd25c9d1ec4c61b195fd139e1c044f_HeaderRectangle">
            <a:extLst>
              <a:ext uri="{FF2B5EF4-FFF2-40B4-BE49-F238E27FC236}">
                <a16:creationId xmlns:a16="http://schemas.microsoft.com/office/drawing/2014/main" id="{6C26E4BF-34C6-B9CF-D87F-2EC8EAD616B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3500" y="2393975"/>
            <a:ext cx="927100" cy="741680"/>
          </a:xfrm>
          <a:prstGeom prst="rect">
            <a:avLst/>
          </a:prstGeom>
          <a:solidFill>
            <a:srgbClr val="7C5D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359e8daf88b84e74b1a6ae1978c01aa2_HeaderRectangle">
            <a:extLst>
              <a:ext uri="{FF2B5EF4-FFF2-40B4-BE49-F238E27FC236}">
                <a16:creationId xmlns:a16="http://schemas.microsoft.com/office/drawing/2014/main" id="{FF2E27D6-ACD3-DB96-3D92-9620038B61C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3500" y="3199155"/>
            <a:ext cx="927100" cy="74168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SL_f454f32cda8145e6abf8ef6a8701115b_HeaderRectangle">
            <a:extLst>
              <a:ext uri="{FF2B5EF4-FFF2-40B4-BE49-F238E27FC236}">
                <a16:creationId xmlns:a16="http://schemas.microsoft.com/office/drawing/2014/main" id="{4F5D37A2-7909-CD54-AA0B-6026EB714A2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500" y="4004335"/>
            <a:ext cx="927100" cy="74168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7fa8ed855fa14877957191d8ba1c66e7_HeaderRectangle">
            <a:extLst>
              <a:ext uri="{FF2B5EF4-FFF2-40B4-BE49-F238E27FC236}">
                <a16:creationId xmlns:a16="http://schemas.microsoft.com/office/drawing/2014/main" id="{90E4CE85-58A4-BC2D-DEE2-A35B1F3EF59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3500" y="4809515"/>
            <a:ext cx="927100" cy="741680"/>
          </a:xfrm>
          <a:prstGeom prst="rect">
            <a:avLst/>
          </a:prstGeom>
          <a:solidFill>
            <a:srgbClr val="8E037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MiddleScaleContainer">
            <a:extLst>
              <a:ext uri="{FF2B5EF4-FFF2-40B4-BE49-F238E27FC236}">
                <a16:creationId xmlns:a16="http://schemas.microsoft.com/office/drawing/2014/main" id="{A8569858-FFBF-2352-429C-C563CCEAD0E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117600" y="1998751"/>
            <a:ext cx="101473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57575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869F25F9-FC1C-71F8-6573-00B0F2AB203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17600" y="1806727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OTLSHAPE_SL2A_a4998e0270544f05a457d85a04589ede_HeaderRectangle" hidden="1">
            <a:extLst>
              <a:ext uri="{FF2B5EF4-FFF2-40B4-BE49-F238E27FC236}">
                <a16:creationId xmlns:a16="http://schemas.microsoft.com/office/drawing/2014/main" id="{36621CCC-2FD3-7DAD-F68E-77149AFCD44E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90600" y="239397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SL2A_287c7587159c450f90b921715b7b52e8_HeaderRectangle" hidden="1">
            <a:extLst>
              <a:ext uri="{FF2B5EF4-FFF2-40B4-BE49-F238E27FC236}">
                <a16:creationId xmlns:a16="http://schemas.microsoft.com/office/drawing/2014/main" id="{79943CFA-3584-3A9A-D404-25B60D948ED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90600" y="31991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3" name="OTLSHAPE_SL2A_0b7f582c9ff0411597c54c0eed1ba138_HeaderRectangle" hidden="1">
            <a:extLst>
              <a:ext uri="{FF2B5EF4-FFF2-40B4-BE49-F238E27FC236}">
                <a16:creationId xmlns:a16="http://schemas.microsoft.com/office/drawing/2014/main" id="{FA60EE07-2183-5386-334F-FF35F56F8D2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90600" y="400433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1" name="OTLSHAPE_SL2A_eb756e0f67bf48859830148344ec09b6_HeaderRectangle" hidden="1">
            <a:extLst>
              <a:ext uri="{FF2B5EF4-FFF2-40B4-BE49-F238E27FC236}">
                <a16:creationId xmlns:a16="http://schemas.microsoft.com/office/drawing/2014/main" id="{66AE99EA-8423-CAFF-E49C-8C34C85D160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90600" y="4809515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SLT_2ae9adfdd8ab4eaf817254568219b6d8_Shape">
            <a:extLst>
              <a:ext uri="{FF2B5EF4-FFF2-40B4-BE49-F238E27FC236}">
                <a16:creationId xmlns:a16="http://schemas.microsoft.com/office/drawing/2014/main" id="{74FEC3EF-C8EB-9440-9429-4D27344FD5F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541072" y="2942530"/>
            <a:ext cx="7226300" cy="155025"/>
          </a:xfrm>
          <a:prstGeom prst="rect">
            <a:avLst/>
          </a:prstGeom>
          <a:solidFill>
            <a:srgbClr val="7C5D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8" name="OTLSHAPE_SLT_375866c85e2e425e9fe1ea39be34edce_Shape">
            <a:extLst>
              <a:ext uri="{FF2B5EF4-FFF2-40B4-BE49-F238E27FC236}">
                <a16:creationId xmlns:a16="http://schemas.microsoft.com/office/drawing/2014/main" id="{BB5B2345-F958-22B7-9204-C52C6C66D75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432591" y="3747710"/>
            <a:ext cx="7162800" cy="15502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6" name="OTLSHAPE_SLT_ac9a04465de64022b3468b012cdb8c7f_Shape">
            <a:extLst>
              <a:ext uri="{FF2B5EF4-FFF2-40B4-BE49-F238E27FC236}">
                <a16:creationId xmlns:a16="http://schemas.microsoft.com/office/drawing/2014/main" id="{D9126C05-B1E3-F853-3D45-1A827681CBA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123519" y="4552890"/>
            <a:ext cx="5486400" cy="155025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4" name="OTLSHAPE_SLT_e8533d33f9fc4ed59d0b87cffe948df2_Shape">
            <a:extLst>
              <a:ext uri="{FF2B5EF4-FFF2-40B4-BE49-F238E27FC236}">
                <a16:creationId xmlns:a16="http://schemas.microsoft.com/office/drawing/2014/main" id="{6EDBD690-19DD-9FCA-7469-94B82112D2D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123519" y="5358070"/>
            <a:ext cx="7467600" cy="155025"/>
          </a:xfrm>
          <a:prstGeom prst="rect">
            <a:avLst/>
          </a:prstGeom>
          <a:solidFill>
            <a:srgbClr val="8E037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ElapsedTime" hidden="1">
            <a:extLst>
              <a:ext uri="{FF2B5EF4-FFF2-40B4-BE49-F238E27FC236}">
                <a16:creationId xmlns:a16="http://schemas.microsoft.com/office/drawing/2014/main" id="{A844A723-D6FD-8B05-4231-4869EDD5D54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117600" y="1806727"/>
            <a:ext cx="0" cy="0"/>
          </a:xfrm>
          <a:prstGeom prst="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SLT_2ae9adfdd8ab4eaf817254568219b6d8_ShapePercentage" hidden="1">
            <a:extLst>
              <a:ext uri="{FF2B5EF4-FFF2-40B4-BE49-F238E27FC236}">
                <a16:creationId xmlns:a16="http://schemas.microsoft.com/office/drawing/2014/main" id="{8834C71D-6795-F392-953D-D9F37B11A52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541072" y="2942530"/>
            <a:ext cx="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SLT_375866c85e2e425e9fe1ea39be34edce_ShapePercentage" hidden="1">
            <a:extLst>
              <a:ext uri="{FF2B5EF4-FFF2-40B4-BE49-F238E27FC236}">
                <a16:creationId xmlns:a16="http://schemas.microsoft.com/office/drawing/2014/main" id="{2F8C4C40-4BDC-57E9-7C69-1DEF8F00A80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432591" y="3747710"/>
            <a:ext cx="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" name="OTLSHAPE_SLT_ac9a04465de64022b3468b012cdb8c7f_ShapePercentage" hidden="1">
            <a:extLst>
              <a:ext uri="{FF2B5EF4-FFF2-40B4-BE49-F238E27FC236}">
                <a16:creationId xmlns:a16="http://schemas.microsoft.com/office/drawing/2014/main" id="{8794E545-74D7-7944-263E-40BCDE9FB38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123519" y="4552890"/>
            <a:ext cx="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4" name="OTLSHAPE_SLT_e8533d33f9fc4ed59d0b87cffe948df2_ShapePercentage" hidden="1">
            <a:extLst>
              <a:ext uri="{FF2B5EF4-FFF2-40B4-BE49-F238E27FC236}">
                <a16:creationId xmlns:a16="http://schemas.microsoft.com/office/drawing/2014/main" id="{62D4E819-2485-7D34-6319-680578D35CB8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123519" y="5358070"/>
            <a:ext cx="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_6ebd25c9d1ec4c61b195fd139e1c044f_Header">
            <a:extLst>
              <a:ext uri="{FF2B5EF4-FFF2-40B4-BE49-F238E27FC236}">
                <a16:creationId xmlns:a16="http://schemas.microsoft.com/office/drawing/2014/main" id="{E9CF25CC-2026-244A-9CC4-981887C7F6A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2578760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lpha</a:t>
            </a:r>
          </a:p>
        </p:txBody>
      </p:sp>
      <p:sp>
        <p:nvSpPr>
          <p:cNvPr id="23" name="OTLSHAPE_SL_359e8daf88b84e74b1a6ae1978c01aa2_Header">
            <a:extLst>
              <a:ext uri="{FF2B5EF4-FFF2-40B4-BE49-F238E27FC236}">
                <a16:creationId xmlns:a16="http://schemas.microsoft.com/office/drawing/2014/main" id="{5E0A6A79-26B3-AA5F-D689-A9CC0D5EAB4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3383940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ta</a:t>
            </a:r>
          </a:p>
        </p:txBody>
      </p:sp>
      <p:sp>
        <p:nvSpPr>
          <p:cNvPr id="26" name="OTLSHAPE_SL_f454f32cda8145e6abf8ef6a8701115b_Header">
            <a:extLst>
              <a:ext uri="{FF2B5EF4-FFF2-40B4-BE49-F238E27FC236}">
                <a16:creationId xmlns:a16="http://schemas.microsoft.com/office/drawing/2014/main" id="{02E096F2-A483-DE7F-5BDD-95DAB16C6EB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4189120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amma</a:t>
            </a:r>
          </a:p>
        </p:txBody>
      </p:sp>
      <p:sp>
        <p:nvSpPr>
          <p:cNvPr id="29" name="OTLSHAPE_SL_7fa8ed855fa14877957191d8ba1c66e7_Header">
            <a:extLst>
              <a:ext uri="{FF2B5EF4-FFF2-40B4-BE49-F238E27FC236}">
                <a16:creationId xmlns:a16="http://schemas.microsoft.com/office/drawing/2014/main" id="{4489FF16-5C7C-7500-2478-B430F6F7DB7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4994300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ta</a:t>
            </a:r>
          </a:p>
        </p:txBody>
      </p:sp>
      <p:sp>
        <p:nvSpPr>
          <p:cNvPr id="12" name="OTLSHAPE_SL2A_a4998e0270544f05a457d85a04589ede_Header" hidden="1">
            <a:extLst>
              <a:ext uri="{FF2B5EF4-FFF2-40B4-BE49-F238E27FC236}">
                <a16:creationId xmlns:a16="http://schemas.microsoft.com/office/drawing/2014/main" id="{35D5BD33-D69D-A33F-6F9C-36C4C94A0DD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34035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" name="OTLSHAPE_SL2A_287c7587159c450f90b921715b7b52e8_Header" hidden="1">
            <a:extLst>
              <a:ext uri="{FF2B5EF4-FFF2-40B4-BE49-F238E27FC236}">
                <a16:creationId xmlns:a16="http://schemas.microsoft.com/office/drawing/2014/main" id="{9E1EA108-FDAA-B68D-CF88-ABF1BF4FEDC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34035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" name="OTLSHAPE_SL2A_0b7f582c9ff0411597c54c0eed1ba138_Header" hidden="1">
            <a:extLst>
              <a:ext uri="{FF2B5EF4-FFF2-40B4-BE49-F238E27FC236}">
                <a16:creationId xmlns:a16="http://schemas.microsoft.com/office/drawing/2014/main" id="{77ED31A0-F85D-93A1-990D-7D82E5DFA2D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34035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2" name="OTLSHAPE_SL2A_eb756e0f67bf48859830148344ec09b6_Header" hidden="1">
            <a:extLst>
              <a:ext uri="{FF2B5EF4-FFF2-40B4-BE49-F238E27FC236}">
                <a16:creationId xmlns:a16="http://schemas.microsoft.com/office/drawing/2014/main" id="{8E9CAFD7-8846-7642-8411-03D7754BFF8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34035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" name="OTLSHAPE_SLT_2ae9adfdd8ab4eaf817254568219b6d8_BaselineShape" hidden="1">
            <a:extLst>
              <a:ext uri="{FF2B5EF4-FFF2-40B4-BE49-F238E27FC236}">
                <a16:creationId xmlns:a16="http://schemas.microsoft.com/office/drawing/2014/main" id="{4CB2CBC5-652A-11A6-4048-45B23CD250F6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117600" y="30594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375866c85e2e425e9fe1ea39be34edce_BaselineShape" hidden="1">
            <a:extLst>
              <a:ext uri="{FF2B5EF4-FFF2-40B4-BE49-F238E27FC236}">
                <a16:creationId xmlns:a16="http://schemas.microsoft.com/office/drawing/2014/main" id="{9D98B6ED-EF54-41AC-AED4-16CABC535935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117600" y="386463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ac9a04465de64022b3468b012cdb8c7f_BaselineShape" hidden="1">
            <a:extLst>
              <a:ext uri="{FF2B5EF4-FFF2-40B4-BE49-F238E27FC236}">
                <a16:creationId xmlns:a16="http://schemas.microsoft.com/office/drawing/2014/main" id="{42E72900-4FC0-D945-6A60-741010D1DF6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117600" y="466981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SLT_e8533d33f9fc4ed59d0b87cffe948df2_BaselineShape" hidden="1">
            <a:extLst>
              <a:ext uri="{FF2B5EF4-FFF2-40B4-BE49-F238E27FC236}">
                <a16:creationId xmlns:a16="http://schemas.microsoft.com/office/drawing/2014/main" id="{7D0515EE-7EE8-01B2-D37C-F75E67F8FBE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117600" y="547499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2A3BFB0C-39AE-78BC-BE6E-F51416858D6C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2305763" y="219077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9448E35-73D7-5D88-6C4E-071BD387F4B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168400" y="1820655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2B3F400-8877-5340-8EF5-881704F2ACA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303516" y="1820655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95" name="OTLSHAPE_SLT_2ae9adfdd8ab4eaf817254568219b6d8_Title">
            <a:extLst>
              <a:ext uri="{FF2B5EF4-FFF2-40B4-BE49-F238E27FC236}">
                <a16:creationId xmlns:a16="http://schemas.microsoft.com/office/drawing/2014/main" id="{F4F8301E-2ACD-B841-B8F5-72DCDDBC8BA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923838" y="294253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7C5D9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154" name="OTLSHAPE_SLT_375866c85e2e425e9fe1ea39be34edce_Title">
            <a:extLst>
              <a:ext uri="{FF2B5EF4-FFF2-40B4-BE49-F238E27FC236}">
                <a16:creationId xmlns:a16="http://schemas.microsoft.com/office/drawing/2014/main" id="{8BC59133-9629-73C5-4CE1-09E44A1EBA8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781925" y="374771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213" name="OTLSHAPE_SLT_ac9a04465de64022b3468b012cdb8c7f_Title">
            <a:extLst>
              <a:ext uri="{FF2B5EF4-FFF2-40B4-BE49-F238E27FC236}">
                <a16:creationId xmlns:a16="http://schemas.microsoft.com/office/drawing/2014/main" id="{6953F709-4B6D-2646-7F78-41518DC7260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637054" y="45528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272" name="OTLSHAPE_SLT_e8533d33f9fc4ed59d0b87cffe948df2_Title">
            <a:extLst>
              <a:ext uri="{FF2B5EF4-FFF2-40B4-BE49-F238E27FC236}">
                <a16:creationId xmlns:a16="http://schemas.microsoft.com/office/drawing/2014/main" id="{CFAD5D9B-44F8-CBA6-176D-6B07108A188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628869" y="535807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8E03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60" name="OTLSHAPE_TB_00000000000000000000000000000000_MiddleTimescaleInterval1">
            <a:extLst>
              <a:ext uri="{FF2B5EF4-FFF2-40B4-BE49-F238E27FC236}">
                <a16:creationId xmlns:a16="http://schemas.microsoft.com/office/drawing/2014/main" id="{0A137AA7-1D59-BC2A-8A8A-9ECD407AD51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168400" y="2012679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62" name="OTLSHAPE_TB_00000000000000000000000000000000_MiddleTimescaleInterval2">
            <a:extLst>
              <a:ext uri="{FF2B5EF4-FFF2-40B4-BE49-F238E27FC236}">
                <a16:creationId xmlns:a16="http://schemas.microsoft.com/office/drawing/2014/main" id="{334E0790-297D-44A4-ACC4-DB5B69800D3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859328" y="2012679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256" name="OTLSHAPE_TB_00000000000000000000000000000000_MiddleTimescaleInterval3">
            <a:extLst>
              <a:ext uri="{FF2B5EF4-FFF2-40B4-BE49-F238E27FC236}">
                <a16:creationId xmlns:a16="http://schemas.microsoft.com/office/drawing/2014/main" id="{EB935B58-28C3-3C8D-8AF7-D37007FBF99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483391" y="2012679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258" name="OTLSHAPE_TB_00000000000000000000000000000000_MiddleTimescaleInterval4">
            <a:extLst>
              <a:ext uri="{FF2B5EF4-FFF2-40B4-BE49-F238E27FC236}">
                <a16:creationId xmlns:a16="http://schemas.microsoft.com/office/drawing/2014/main" id="{BDAD4BD2-770E-20C5-EB16-E45DAA63C75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174319" y="2012679"/>
            <a:ext cx="1905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260" name="OTLSHAPE_TB_00000000000000000000000000000000_MiddleTimescaleInterval5">
            <a:extLst>
              <a:ext uri="{FF2B5EF4-FFF2-40B4-BE49-F238E27FC236}">
                <a16:creationId xmlns:a16="http://schemas.microsoft.com/office/drawing/2014/main" id="{97843402-B53E-E476-0E8C-1250C06F441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842959" y="2012679"/>
            <a:ext cx="2286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62" name="OTLSHAPE_TB_00000000000000000000000000000000_MiddleTimescaleInterval6">
            <a:extLst>
              <a:ext uri="{FF2B5EF4-FFF2-40B4-BE49-F238E27FC236}">
                <a16:creationId xmlns:a16="http://schemas.microsoft.com/office/drawing/2014/main" id="{BDB6729D-9E78-D308-690A-38FBBB5188E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533886" y="2012679"/>
            <a:ext cx="1778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264" name="OTLSHAPE_TB_00000000000000000000000000000000_MiddleTimescaleInterval7">
            <a:extLst>
              <a:ext uri="{FF2B5EF4-FFF2-40B4-BE49-F238E27FC236}">
                <a16:creationId xmlns:a16="http://schemas.microsoft.com/office/drawing/2014/main" id="{9D200F56-1944-3696-FDCA-7DD010CB446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202526" y="2012679"/>
            <a:ext cx="139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266" name="OTLSHAPE_TB_00000000000000000000000000000000_MiddleTimescaleInterval8">
            <a:extLst>
              <a:ext uri="{FF2B5EF4-FFF2-40B4-BE49-F238E27FC236}">
                <a16:creationId xmlns:a16="http://schemas.microsoft.com/office/drawing/2014/main" id="{ED26B534-BED1-0B56-36AD-13009D00E11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893453" y="2012679"/>
            <a:ext cx="20197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7F6BB459-0D62-E118-2866-089DE91654D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-350668" y="-334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15" name="OTLSHAPE_SLT_2ae9adfdd8ab4eaf817254568219b6d8_Duration" hidden="1">
            <a:extLst>
              <a:ext uri="{FF2B5EF4-FFF2-40B4-BE49-F238E27FC236}">
                <a16:creationId xmlns:a16="http://schemas.microsoft.com/office/drawing/2014/main" id="{BA80F05C-6E2D-2ECC-787D-1845C6EA260D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2 days</a:t>
            </a:r>
          </a:p>
        </p:txBody>
      </p:sp>
      <p:sp>
        <p:nvSpPr>
          <p:cNvPr id="16" name="OTLSHAPE_SLT_2ae9adfdd8ab4eaf817254568219b6d8_JoinedDate" hidden="1">
            <a:extLst>
              <a:ext uri="{FF2B5EF4-FFF2-40B4-BE49-F238E27FC236}">
                <a16:creationId xmlns:a16="http://schemas.microsoft.com/office/drawing/2014/main" id="{4AA604D9-EEDB-86BC-43BF-AC8B74B03A1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541298"/>
            <a:ext cx="647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 - Dec 9</a:t>
            </a:r>
          </a:p>
        </p:txBody>
      </p:sp>
      <p:sp>
        <p:nvSpPr>
          <p:cNvPr id="17" name="OTLSHAPE_SLT_2ae9adfdd8ab4eaf817254568219b6d8_StartDate" hidden="1">
            <a:extLst>
              <a:ext uri="{FF2B5EF4-FFF2-40B4-BE49-F238E27FC236}">
                <a16:creationId xmlns:a16="http://schemas.microsoft.com/office/drawing/2014/main" id="{9FB39820-F53B-61CF-3F20-65308DCB150F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OTLSHAPE_SLT_2ae9adfdd8ab4eaf817254568219b6d8_EndDate" hidden="1">
            <a:extLst>
              <a:ext uri="{FF2B5EF4-FFF2-40B4-BE49-F238E27FC236}">
                <a16:creationId xmlns:a16="http://schemas.microsoft.com/office/drawing/2014/main" id="{E01A8ED8-CB08-EB54-D6E6-3132A09277B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" name="OTLSHAPE_SLT_2ae9adfdd8ab4eaf817254568219b6d8_TextPercentage" hidden="1">
            <a:extLst>
              <a:ext uri="{FF2B5EF4-FFF2-40B4-BE49-F238E27FC236}">
                <a16:creationId xmlns:a16="http://schemas.microsoft.com/office/drawing/2014/main" id="{E778E925-F958-B6D9-A609-31A8F9338CC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" name="OTLSHAPE_SLT_375866c85e2e425e9fe1ea39be34edce_Duration" hidden="1">
            <a:extLst>
              <a:ext uri="{FF2B5EF4-FFF2-40B4-BE49-F238E27FC236}">
                <a16:creationId xmlns:a16="http://schemas.microsoft.com/office/drawing/2014/main" id="{07298A7A-5992-887D-9420-CFABBD09909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0 days</a:t>
            </a:r>
          </a:p>
        </p:txBody>
      </p:sp>
      <p:sp>
        <p:nvSpPr>
          <p:cNvPr id="55" name="OTLSHAPE_SLT_375866c85e2e425e9fe1ea39be34edce_JoinedDate" hidden="1">
            <a:extLst>
              <a:ext uri="{FF2B5EF4-FFF2-40B4-BE49-F238E27FC236}">
                <a16:creationId xmlns:a16="http://schemas.microsoft.com/office/drawing/2014/main" id="{88D0EB84-2AC9-F46D-D0B7-C75A136E665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541298"/>
            <a:ext cx="660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 - Jan 15</a:t>
            </a:r>
          </a:p>
        </p:txBody>
      </p:sp>
      <p:sp>
        <p:nvSpPr>
          <p:cNvPr id="56" name="OTLSHAPE_SLT_375866c85e2e425e9fe1ea39be34edce_StartDate" hidden="1">
            <a:extLst>
              <a:ext uri="{FF2B5EF4-FFF2-40B4-BE49-F238E27FC236}">
                <a16:creationId xmlns:a16="http://schemas.microsoft.com/office/drawing/2014/main" id="{72C81F91-3496-C158-D8F1-4D4289F1F27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SLT_375866c85e2e425e9fe1ea39be34edce_EndDate" hidden="1">
            <a:extLst>
              <a:ext uri="{FF2B5EF4-FFF2-40B4-BE49-F238E27FC236}">
                <a16:creationId xmlns:a16="http://schemas.microsoft.com/office/drawing/2014/main" id="{248FA3DC-BC7E-6EF0-A4D6-6CD91533F77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4" name="OTLSHAPE_SLT_375866c85e2e425e9fe1ea39be34edce_TextPercentage" hidden="1">
            <a:extLst>
              <a:ext uri="{FF2B5EF4-FFF2-40B4-BE49-F238E27FC236}">
                <a16:creationId xmlns:a16="http://schemas.microsoft.com/office/drawing/2014/main" id="{2E58492E-49B0-556C-BEA0-23F209C0141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7" name="OTLSHAPE_SLT_ac9a04465de64022b3468b012cdb8c7f_Duration" hidden="1">
            <a:extLst>
              <a:ext uri="{FF2B5EF4-FFF2-40B4-BE49-F238E27FC236}">
                <a16:creationId xmlns:a16="http://schemas.microsoft.com/office/drawing/2014/main" id="{CC1E5D93-36CA-26A3-540B-5F407BA663F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6 days</a:t>
            </a:r>
          </a:p>
        </p:txBody>
      </p:sp>
      <p:sp>
        <p:nvSpPr>
          <p:cNvPr id="88" name="OTLSHAPE_SLT_ac9a04465de64022b3468b012cdb8c7f_JoinedDate" hidden="1">
            <a:extLst>
              <a:ext uri="{FF2B5EF4-FFF2-40B4-BE49-F238E27FC236}">
                <a16:creationId xmlns:a16="http://schemas.microsoft.com/office/drawing/2014/main" id="{60CFC058-B97C-72AA-672D-7D3F335AD09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472048"/>
            <a:ext cx="596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 - Dec 2</a:t>
            </a:r>
          </a:p>
        </p:txBody>
      </p:sp>
      <p:sp>
        <p:nvSpPr>
          <p:cNvPr id="89" name="OTLSHAPE_SLT_ac9a04465de64022b3468b012cdb8c7f_StartDate" hidden="1">
            <a:extLst>
              <a:ext uri="{FF2B5EF4-FFF2-40B4-BE49-F238E27FC236}">
                <a16:creationId xmlns:a16="http://schemas.microsoft.com/office/drawing/2014/main" id="{5DB2466E-7290-2AC6-1DEB-0380BA941D6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0" name="OTLSHAPE_SLT_ac9a04465de64022b3468b012cdb8c7f_EndDate" hidden="1">
            <a:extLst>
              <a:ext uri="{FF2B5EF4-FFF2-40B4-BE49-F238E27FC236}">
                <a16:creationId xmlns:a16="http://schemas.microsoft.com/office/drawing/2014/main" id="{06E9A09D-0174-C07B-D932-623515EC900A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1" name="OTLSHAPE_SLT_ac9a04465de64022b3468b012cdb8c7f_TextPercentage" hidden="1">
            <a:extLst>
              <a:ext uri="{FF2B5EF4-FFF2-40B4-BE49-F238E27FC236}">
                <a16:creationId xmlns:a16="http://schemas.microsoft.com/office/drawing/2014/main" id="{6EF894EA-DDB0-8C9B-4BEA-3CE6D98236C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5" name="OTLSHAPE_SLT_e8533d33f9fc4ed59d0b87cffe948df2_Duration" hidden="1">
            <a:extLst>
              <a:ext uri="{FF2B5EF4-FFF2-40B4-BE49-F238E27FC236}">
                <a16:creationId xmlns:a16="http://schemas.microsoft.com/office/drawing/2014/main" id="{F37F4603-FB39-DBC6-A324-CC3223F9D18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9 days</a:t>
            </a:r>
          </a:p>
        </p:txBody>
      </p:sp>
      <p:sp>
        <p:nvSpPr>
          <p:cNvPr id="116" name="OTLSHAPE_SLT_e8533d33f9fc4ed59d0b87cffe948df2_JoinedDate" hidden="1">
            <a:extLst>
              <a:ext uri="{FF2B5EF4-FFF2-40B4-BE49-F238E27FC236}">
                <a16:creationId xmlns:a16="http://schemas.microsoft.com/office/drawing/2014/main" id="{4EB72E78-E358-12DB-ADCD-7B20A847D44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 - Mar 1</a:t>
            </a:r>
          </a:p>
        </p:txBody>
      </p:sp>
      <p:sp>
        <p:nvSpPr>
          <p:cNvPr id="117" name="OTLSHAPE_SLT_e8533d33f9fc4ed59d0b87cffe948df2_StartDate" hidden="1">
            <a:extLst>
              <a:ext uri="{FF2B5EF4-FFF2-40B4-BE49-F238E27FC236}">
                <a16:creationId xmlns:a16="http://schemas.microsoft.com/office/drawing/2014/main" id="{BA4267FE-7B31-3FAE-AB5D-90472507D53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8" name="OTLSHAPE_SLT_e8533d33f9fc4ed59d0b87cffe948df2_EndDate" hidden="1">
            <a:extLst>
              <a:ext uri="{FF2B5EF4-FFF2-40B4-BE49-F238E27FC236}">
                <a16:creationId xmlns:a16="http://schemas.microsoft.com/office/drawing/2014/main" id="{13693402-987E-3F91-2235-86AB8BC3573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9" name="OTLSHAPE_SLT_e8533d33f9fc4ed59d0b87cffe948df2_TextPercentage" hidden="1">
            <a:extLst>
              <a:ext uri="{FF2B5EF4-FFF2-40B4-BE49-F238E27FC236}">
                <a16:creationId xmlns:a16="http://schemas.microsoft.com/office/drawing/2014/main" id="{F8BE86E7-18E7-90A1-9796-3386DBE4AF1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" name="OTLSHAPE_TB_00000000000000000000000000000000_MiddleTimescaleInterval9">
            <a:extLst>
              <a:ext uri="{FF2B5EF4-FFF2-40B4-BE49-F238E27FC236}">
                <a16:creationId xmlns:a16="http://schemas.microsoft.com/office/drawing/2014/main" id="{AB93A5CA-29B2-9332-B87E-8D90ADC6CB2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584381" y="2012679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5" name="OTLSHAPE_TB_00000000000000000000000000000000_MiddleTimescaleInterval10">
            <a:extLst>
              <a:ext uri="{FF2B5EF4-FFF2-40B4-BE49-F238E27FC236}">
                <a16:creationId xmlns:a16="http://schemas.microsoft.com/office/drawing/2014/main" id="{B30D163C-6A8F-3255-F879-FD07560C7E0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253021" y="2012679"/>
            <a:ext cx="1827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7" name="OTLSHAPE_TB_00000000000000000000000000000000_MiddleTimescaleInterval11">
            <a:extLst>
              <a:ext uri="{FF2B5EF4-FFF2-40B4-BE49-F238E27FC236}">
                <a16:creationId xmlns:a16="http://schemas.microsoft.com/office/drawing/2014/main" id="{C6CB9946-B539-F0A3-FBF4-4CA3716B974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943948" y="2012679"/>
            <a:ext cx="20839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9" name="OTLSHAPE_TB_00000000000000000000000000000000_MiddleTimescaleInterval12">
            <a:extLst>
              <a:ext uri="{FF2B5EF4-FFF2-40B4-BE49-F238E27FC236}">
                <a16:creationId xmlns:a16="http://schemas.microsoft.com/office/drawing/2014/main" id="{C7AE8159-3C8D-40FE-32BE-5A9340B8D8E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612588" y="2012679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1" name="OTLSHAPE_TB_00000000000000000000000000000000_MiddleTimescaleInterval13">
            <a:extLst>
              <a:ext uri="{FF2B5EF4-FFF2-40B4-BE49-F238E27FC236}">
                <a16:creationId xmlns:a16="http://schemas.microsoft.com/office/drawing/2014/main" id="{899C86C2-1826-7CAA-CDC9-A3508C09025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303516" y="2012679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43" name="OTLSHAPE_TB_00000000000000000000000000000000_MiddleTimescaleInterval14">
            <a:extLst>
              <a:ext uri="{FF2B5EF4-FFF2-40B4-BE49-F238E27FC236}">
                <a16:creationId xmlns:a16="http://schemas.microsoft.com/office/drawing/2014/main" id="{DFAEA58B-9AD3-16F6-758A-C030873AE5D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994443" y="2012679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5" name="OTLSHAPE_TB_00000000000000000000000000000000_MiddleTimescaleInterval15">
            <a:extLst>
              <a:ext uri="{FF2B5EF4-FFF2-40B4-BE49-F238E27FC236}">
                <a16:creationId xmlns:a16="http://schemas.microsoft.com/office/drawing/2014/main" id="{738DC2C5-F03E-6831-B6B1-757FAAE1AB1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0618507" y="2012679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7" name="OTLSHAPE_SLT_2ae9adfdd8ab4eaf817254568219b6d8_Variance" hidden="1">
            <a:extLst>
              <a:ext uri="{FF2B5EF4-FFF2-40B4-BE49-F238E27FC236}">
                <a16:creationId xmlns:a16="http://schemas.microsoft.com/office/drawing/2014/main" id="{9E009B80-B4EC-F24D-AF2E-BB4BA24703F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375866c85e2e425e9fe1ea39be34edce_Variance" hidden="1">
            <a:extLst>
              <a:ext uri="{FF2B5EF4-FFF2-40B4-BE49-F238E27FC236}">
                <a16:creationId xmlns:a16="http://schemas.microsoft.com/office/drawing/2014/main" id="{47D17B86-BCBF-CB57-640E-2D947414F54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ac9a04465de64022b3468b012cdb8c7f_Variance" hidden="1">
            <a:extLst>
              <a:ext uri="{FF2B5EF4-FFF2-40B4-BE49-F238E27FC236}">
                <a16:creationId xmlns:a16="http://schemas.microsoft.com/office/drawing/2014/main" id="{6A737289-6EDD-9777-54C9-7BB4A8D98FE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e8533d33f9fc4ed59d0b87cffe948df2_Variance" hidden="1">
            <a:extLst>
              <a:ext uri="{FF2B5EF4-FFF2-40B4-BE49-F238E27FC236}">
                <a16:creationId xmlns:a16="http://schemas.microsoft.com/office/drawing/2014/main" id="{35BDC5C1-E835-61B9-4A6C-8BF3FC1A779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47" name="OTLSHAPE_TB_00000000000000000000000000000000_Separator1">
            <a:extLst>
              <a:ext uri="{FF2B5EF4-FFF2-40B4-BE49-F238E27FC236}">
                <a16:creationId xmlns:a16="http://schemas.microsoft.com/office/drawing/2014/main" id="{A06A5C8E-7D7D-7427-C342-5BDBF69B0055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9252716" y="1825015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ddleSeparator1">
            <a:extLst>
              <a:ext uri="{FF2B5EF4-FFF2-40B4-BE49-F238E27FC236}">
                <a16:creationId xmlns:a16="http://schemas.microsoft.com/office/drawing/2014/main" id="{4D25C098-77C3-2413-16DB-BE77F2410E1E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1808527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MiddleSeparator2">
            <a:extLst>
              <a:ext uri="{FF2B5EF4-FFF2-40B4-BE49-F238E27FC236}">
                <a16:creationId xmlns:a16="http://schemas.microsoft.com/office/drawing/2014/main" id="{506C9F3B-3862-80EC-E60F-45D6EFB63C9F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2432591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B_00000000000000000000000000000000_MiddleSeparator3">
            <a:extLst>
              <a:ext uri="{FF2B5EF4-FFF2-40B4-BE49-F238E27FC236}">
                <a16:creationId xmlns:a16="http://schemas.microsoft.com/office/drawing/2014/main" id="{6C50AA12-466C-E720-F737-830278BA2E42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3123519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B_00000000000000000000000000000000_MiddleSeparator4">
            <a:extLst>
              <a:ext uri="{FF2B5EF4-FFF2-40B4-BE49-F238E27FC236}">
                <a16:creationId xmlns:a16="http://schemas.microsoft.com/office/drawing/2014/main" id="{CCD54E92-6FD2-E5EB-FE05-D5071370E85D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3792158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TB_00000000000000000000000000000000_MiddleSeparator5">
            <a:extLst>
              <a:ext uri="{FF2B5EF4-FFF2-40B4-BE49-F238E27FC236}">
                <a16:creationId xmlns:a16="http://schemas.microsoft.com/office/drawing/2014/main" id="{886F2B36-B243-1F5A-EC76-ECF3539F003E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4483086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TB_00000000000000000000000000000000_MiddleSeparator6">
            <a:extLst>
              <a:ext uri="{FF2B5EF4-FFF2-40B4-BE49-F238E27FC236}">
                <a16:creationId xmlns:a16="http://schemas.microsoft.com/office/drawing/2014/main" id="{793A2162-3DF2-B0C1-9D03-B32264DA56A3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5151726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B_00000000000000000000000000000000_MiddleSeparator7">
            <a:extLst>
              <a:ext uri="{FF2B5EF4-FFF2-40B4-BE49-F238E27FC236}">
                <a16:creationId xmlns:a16="http://schemas.microsoft.com/office/drawing/2014/main" id="{E44DBF4A-90BE-A599-6960-5EE14EF0C1B4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5842653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MiddleSeparator8">
            <a:extLst>
              <a:ext uri="{FF2B5EF4-FFF2-40B4-BE49-F238E27FC236}">
                <a16:creationId xmlns:a16="http://schemas.microsoft.com/office/drawing/2014/main" id="{BB16E2C7-50E7-0900-3BD8-48ED4F95F42A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6533581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MiddleSeparator9">
            <a:extLst>
              <a:ext uri="{FF2B5EF4-FFF2-40B4-BE49-F238E27FC236}">
                <a16:creationId xmlns:a16="http://schemas.microsoft.com/office/drawing/2014/main" id="{15BB67C6-8147-9254-FEF8-74753AF1AF9C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7202221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MiddleSeparator10">
            <a:extLst>
              <a:ext uri="{FF2B5EF4-FFF2-40B4-BE49-F238E27FC236}">
                <a16:creationId xmlns:a16="http://schemas.microsoft.com/office/drawing/2014/main" id="{38C2064D-6B95-F175-77D9-C8FAC776272E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7893148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MiddleSeparator11">
            <a:extLst>
              <a:ext uri="{FF2B5EF4-FFF2-40B4-BE49-F238E27FC236}">
                <a16:creationId xmlns:a16="http://schemas.microsoft.com/office/drawing/2014/main" id="{4905F838-60E1-F723-9D92-94D86189768E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8561788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MiddleSeparator12">
            <a:extLst>
              <a:ext uri="{FF2B5EF4-FFF2-40B4-BE49-F238E27FC236}">
                <a16:creationId xmlns:a16="http://schemas.microsoft.com/office/drawing/2014/main" id="{7A661253-3ACA-9798-262A-AE2F69E07F58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9252716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MiddleSeparator13">
            <a:extLst>
              <a:ext uri="{FF2B5EF4-FFF2-40B4-BE49-F238E27FC236}">
                <a16:creationId xmlns:a16="http://schemas.microsoft.com/office/drawing/2014/main" id="{1BA4F5D4-4792-E518-3EED-150A5FC0646F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9943643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MiddleSeparator14">
            <a:extLst>
              <a:ext uri="{FF2B5EF4-FFF2-40B4-BE49-F238E27FC236}">
                <a16:creationId xmlns:a16="http://schemas.microsoft.com/office/drawing/2014/main" id="{DEB14E89-9DF8-7310-E8EE-6242849DEDAC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10567707" y="2017039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6" name="OTLSHAPE_SLA_cc1a7fe4efe84e9b94226664fdf59534_Shape">
            <a:extLst>
              <a:ext uri="{FF2B5EF4-FFF2-40B4-BE49-F238E27FC236}">
                <a16:creationId xmlns:a16="http://schemas.microsoft.com/office/drawing/2014/main" id="{F9A49FB7-A533-A758-B048-706EAD0A6EB4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1595094" y="255395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A_762d57be309a4818b3e28c0e007f3ca4_Shape">
            <a:extLst>
              <a:ext uri="{FF2B5EF4-FFF2-40B4-BE49-F238E27FC236}">
                <a16:creationId xmlns:a16="http://schemas.microsoft.com/office/drawing/2014/main" id="{0228DB88-E1F9-29F5-649E-379BC8097370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3779317" y="255395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SLA_f36405f708974c74baeb4a1339690d26_Shape">
            <a:extLst>
              <a:ext uri="{FF2B5EF4-FFF2-40B4-BE49-F238E27FC236}">
                <a16:creationId xmlns:a16="http://schemas.microsoft.com/office/drawing/2014/main" id="{E9B8D7B2-AC5E-6809-B133-9DE51ABEBCD7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5272612" y="255395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" name="OTLSHAPE_SLA_f2311c3e792d428fbf1ced8c97fa287b_Shape">
            <a:extLst>
              <a:ext uri="{FF2B5EF4-FFF2-40B4-BE49-F238E27FC236}">
                <a16:creationId xmlns:a16="http://schemas.microsoft.com/office/drawing/2014/main" id="{69B49947-DED4-969F-C7BD-2B9191077A2B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6208708" y="255395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" name="OTLSHAPE_SLA_3b56027a3fbd4a718b704a3d38cd04e6_Shape">
            <a:extLst>
              <a:ext uri="{FF2B5EF4-FFF2-40B4-BE49-F238E27FC236}">
                <a16:creationId xmlns:a16="http://schemas.microsoft.com/office/drawing/2014/main" id="{1563053E-10CB-0BEC-2731-8636E3CCE5AA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7189380" y="255395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SLA_ae45b2183a5c45bdb87c20998d04ef4d_Shape">
            <a:extLst>
              <a:ext uri="{FF2B5EF4-FFF2-40B4-BE49-F238E27FC236}">
                <a16:creationId xmlns:a16="http://schemas.microsoft.com/office/drawing/2014/main" id="{9259F002-68A5-4428-2820-48C182FB80AB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8771827" y="255395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SLA_9d2d9569a35d42748a2c3a3c82895679_Shape">
            <a:extLst>
              <a:ext uri="{FF2B5EF4-FFF2-40B4-BE49-F238E27FC236}">
                <a16:creationId xmlns:a16="http://schemas.microsoft.com/office/drawing/2014/main" id="{A3DB04C0-7C27-708E-57B3-B17245F72C75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2486614" y="335913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" name="OTLSHAPE_SLA_a91aae4210a44b838ea7637c822311e2_Shape">
            <a:extLst>
              <a:ext uri="{FF2B5EF4-FFF2-40B4-BE49-F238E27FC236}">
                <a16:creationId xmlns:a16="http://schemas.microsoft.com/office/drawing/2014/main" id="{B9394B15-107A-D1CB-AFB9-852E035C2584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4135925" y="335913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" name="OTLSHAPE_SLA_7dbd9150f4ad4fc8858e244f73d9da06_Shape">
            <a:extLst>
              <a:ext uri="{FF2B5EF4-FFF2-40B4-BE49-F238E27FC236}">
                <a16:creationId xmlns:a16="http://schemas.microsoft.com/office/drawing/2014/main" id="{DAF22B34-FF47-FAC9-AF0A-2A86913FF630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5205749" y="335913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" name="OTLSHAPE_SLA_b00fc9694afb4b7d9bc10cf49162db41_Shape">
            <a:extLst>
              <a:ext uri="{FF2B5EF4-FFF2-40B4-BE49-F238E27FC236}">
                <a16:creationId xmlns:a16="http://schemas.microsoft.com/office/drawing/2014/main" id="{80A65B65-BB43-D7FE-772E-0307074BEC0D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141844" y="335913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" name="OTLSHAPE_SLA_e925606444614101be8ad0c4a1aa5627_Shape">
            <a:extLst>
              <a:ext uri="{FF2B5EF4-FFF2-40B4-BE49-F238E27FC236}">
                <a16:creationId xmlns:a16="http://schemas.microsoft.com/office/drawing/2014/main" id="{A772AB37-3E86-6609-B080-AA54FF5B0BEA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8704962" y="335913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" name="OTLSHAPE_SLA_08ad595ec11a4134805560c56e836195_Shape">
            <a:extLst>
              <a:ext uri="{FF2B5EF4-FFF2-40B4-BE49-F238E27FC236}">
                <a16:creationId xmlns:a16="http://schemas.microsoft.com/office/drawing/2014/main" id="{F39EBAA2-7B42-E08F-2800-42F9A8652BDC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9618770" y="335913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" name="OTLSHAPE_SLA_74d2055a41f74e2bb7aeb0e914b024bf_Shape">
            <a:extLst>
              <a:ext uri="{FF2B5EF4-FFF2-40B4-BE49-F238E27FC236}">
                <a16:creationId xmlns:a16="http://schemas.microsoft.com/office/drawing/2014/main" id="{FFCECA6F-C62B-1B23-F325-64D5628974B6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3177542" y="416431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5" name="OTLSHAPE_SLA_6ca50cd90c1b4c1aae8ac63ade3b16af_Shape">
            <a:extLst>
              <a:ext uri="{FF2B5EF4-FFF2-40B4-BE49-F238E27FC236}">
                <a16:creationId xmlns:a16="http://schemas.microsoft.com/office/drawing/2014/main" id="{6BBFDC9E-79B2-F89D-C41E-FC0C1A6A6246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4225077" y="416431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" name="OTLSHAPE_SLA_e95fd7d7df6f4b1f9fd218db87f9473b_Shape">
            <a:extLst>
              <a:ext uri="{FF2B5EF4-FFF2-40B4-BE49-F238E27FC236}">
                <a16:creationId xmlns:a16="http://schemas.microsoft.com/office/drawing/2014/main" id="{0A467300-EAF3-4D68-83F3-A6B89710EB2B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5294900" y="416431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5" name="OTLSHAPE_SLA_57b8057ffecb431793f29d930e9b8035_Shape">
            <a:extLst>
              <a:ext uri="{FF2B5EF4-FFF2-40B4-BE49-F238E27FC236}">
                <a16:creationId xmlns:a16="http://schemas.microsoft.com/office/drawing/2014/main" id="{950EC09A-47F5-72A2-D60C-295411D6B1C6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654467" y="416431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SLA_b4a1779be02a4c1792072b72c736ca0b_Shape">
            <a:extLst>
              <a:ext uri="{FF2B5EF4-FFF2-40B4-BE49-F238E27FC236}">
                <a16:creationId xmlns:a16="http://schemas.microsoft.com/office/drawing/2014/main" id="{A1570930-DBCF-5784-8DF2-AC4215D63A63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7523700" y="416431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5" name="OTLSHAPE_SLA_d5906f168a244f15a81e35dd6a06c982_Shape">
            <a:extLst>
              <a:ext uri="{FF2B5EF4-FFF2-40B4-BE49-F238E27FC236}">
                <a16:creationId xmlns:a16="http://schemas.microsoft.com/office/drawing/2014/main" id="{4AD2A08A-9C40-E742-E01E-76E4E99CF70E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8593523" y="416431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0" name="OTLSHAPE_SLA_acab0bc7a6b64541a73cfaf227b34528_Shape">
            <a:extLst>
              <a:ext uri="{FF2B5EF4-FFF2-40B4-BE49-F238E27FC236}">
                <a16:creationId xmlns:a16="http://schemas.microsoft.com/office/drawing/2014/main" id="{06253E6D-4E38-ACEC-3F68-AE062933A202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3177542" y="496949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SLA_f7a90dfa38c64d1fa8256a33eda16ea6_Shape">
            <a:extLst>
              <a:ext uri="{FF2B5EF4-FFF2-40B4-BE49-F238E27FC236}">
                <a16:creationId xmlns:a16="http://schemas.microsoft.com/office/drawing/2014/main" id="{BF819731-B365-7B65-64D2-ADCB4CABC700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5005157" y="496949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" name="OTLSHAPE_SLA_c5a1d5675a774c7aaf8bf9d1a8aeabb8_Shape">
            <a:extLst>
              <a:ext uri="{FF2B5EF4-FFF2-40B4-BE49-F238E27FC236}">
                <a16:creationId xmlns:a16="http://schemas.microsoft.com/office/drawing/2014/main" id="{1DC9792E-8279-9006-994D-0CB0005E5B7F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6253284" y="496949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6" name="OTLSHAPE_SLA_091d953a7f8d46e4ac498bb25f7fb907_Shape">
            <a:extLst>
              <a:ext uri="{FF2B5EF4-FFF2-40B4-BE49-F238E27FC236}">
                <a16:creationId xmlns:a16="http://schemas.microsoft.com/office/drawing/2014/main" id="{BF735146-4A69-B48E-8AEC-96322B9DDB2F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7991747" y="496949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0" name="OTLSHAPE_SLA_5e65ff827864434c80b72661d9134a1f_Shape">
            <a:extLst>
              <a:ext uri="{FF2B5EF4-FFF2-40B4-BE49-F238E27FC236}">
                <a16:creationId xmlns:a16="http://schemas.microsoft.com/office/drawing/2014/main" id="{027637CC-76EA-F61C-462B-9556B232E252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10621730" y="496949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" name="OTLSHAPE_SLA_d089fdccbacc481ab4e9e028daafaf7c_Shape">
            <a:extLst>
              <a:ext uri="{FF2B5EF4-FFF2-40B4-BE49-F238E27FC236}">
                <a16:creationId xmlns:a16="http://schemas.microsoft.com/office/drawing/2014/main" id="{3C46585F-BB03-7B49-28EB-3C64D4DA8185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9262163" y="496949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A_cc1a7fe4efe84e9b94226664fdf59534_Title">
            <a:extLst>
              <a:ext uri="{FF2B5EF4-FFF2-40B4-BE49-F238E27FC236}">
                <a16:creationId xmlns:a16="http://schemas.microsoft.com/office/drawing/2014/main" id="{79A60B39-D150-B034-EBBE-E3B47667AB2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728444" y="243207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United States</a:t>
            </a:r>
          </a:p>
        </p:txBody>
      </p:sp>
      <p:sp>
        <p:nvSpPr>
          <p:cNvPr id="294" name="OTLSHAPE_SLA_cc1a7fe4efe84e9b94226664fdf59534_Date">
            <a:extLst>
              <a:ext uri="{FF2B5EF4-FFF2-40B4-BE49-F238E27FC236}">
                <a16:creationId xmlns:a16="http://schemas.microsoft.com/office/drawing/2014/main" id="{9D68BBB1-01B1-7357-65C2-D752906B73E3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728444" y="2599800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20</a:t>
            </a:r>
          </a:p>
        </p:txBody>
      </p:sp>
      <p:sp>
        <p:nvSpPr>
          <p:cNvPr id="295" name="OTLSHAPE_SLA_cc1a7fe4efe84e9b94226664fdf59534_Variance" hidden="1">
            <a:extLst>
              <a:ext uri="{FF2B5EF4-FFF2-40B4-BE49-F238E27FC236}">
                <a16:creationId xmlns:a16="http://schemas.microsoft.com/office/drawing/2014/main" id="{FAD10941-3868-0F1B-3DCA-EF3CDF0BF278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98" name="OTLSHAPE_SLA_762d57be309a4818b3e28c0e007f3ca4_Title">
            <a:extLst>
              <a:ext uri="{FF2B5EF4-FFF2-40B4-BE49-F238E27FC236}">
                <a16:creationId xmlns:a16="http://schemas.microsoft.com/office/drawing/2014/main" id="{58F594DA-DA99-D051-BF52-53765034C227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3912667" y="2432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ina</a:t>
            </a:r>
          </a:p>
        </p:txBody>
      </p:sp>
      <p:sp>
        <p:nvSpPr>
          <p:cNvPr id="299" name="OTLSHAPE_SLA_762d57be309a4818b3e28c0e007f3ca4_Date">
            <a:extLst>
              <a:ext uri="{FF2B5EF4-FFF2-40B4-BE49-F238E27FC236}">
                <a16:creationId xmlns:a16="http://schemas.microsoft.com/office/drawing/2014/main" id="{6118BD34-EE93-688B-019D-4C298B6C23BF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3912667" y="2599800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28</a:t>
            </a:r>
          </a:p>
        </p:txBody>
      </p:sp>
      <p:sp>
        <p:nvSpPr>
          <p:cNvPr id="301" name="OTLSHAPE_SLA_762d57be309a4818b3e28c0e007f3ca4_Variance" hidden="1">
            <a:extLst>
              <a:ext uri="{FF2B5EF4-FFF2-40B4-BE49-F238E27FC236}">
                <a16:creationId xmlns:a16="http://schemas.microsoft.com/office/drawing/2014/main" id="{E225941D-EA9A-2AE4-877B-F78E45A38B4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19" name="OTLSHAPE_SLA_f36405f708974c74baeb4a1339690d26_Title">
            <a:extLst>
              <a:ext uri="{FF2B5EF4-FFF2-40B4-BE49-F238E27FC236}">
                <a16:creationId xmlns:a16="http://schemas.microsoft.com/office/drawing/2014/main" id="{5C39A6FB-8014-80D7-1773-040B3D1785D6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5405962" y="2432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Japan</a:t>
            </a:r>
          </a:p>
        </p:txBody>
      </p:sp>
      <p:sp>
        <p:nvSpPr>
          <p:cNvPr id="320" name="OTLSHAPE_SLA_f36405f708974c74baeb4a1339690d26_Date">
            <a:extLst>
              <a:ext uri="{FF2B5EF4-FFF2-40B4-BE49-F238E27FC236}">
                <a16:creationId xmlns:a16="http://schemas.microsoft.com/office/drawing/2014/main" id="{CECEB99F-D61A-465D-3E0C-02A38DB7DED4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5405962" y="2599800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4</a:t>
            </a:r>
          </a:p>
        </p:txBody>
      </p:sp>
      <p:sp>
        <p:nvSpPr>
          <p:cNvPr id="321" name="OTLSHAPE_SLA_f36405f708974c74baeb4a1339690d26_Variance" hidden="1">
            <a:extLst>
              <a:ext uri="{FF2B5EF4-FFF2-40B4-BE49-F238E27FC236}">
                <a16:creationId xmlns:a16="http://schemas.microsoft.com/office/drawing/2014/main" id="{15DCFBAD-1052-B6F7-929D-79C293FDB91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23" name="OTLSHAPE_SLA_f2311c3e792d428fbf1ced8c97fa287b_Title">
            <a:extLst>
              <a:ext uri="{FF2B5EF4-FFF2-40B4-BE49-F238E27FC236}">
                <a16:creationId xmlns:a16="http://schemas.microsoft.com/office/drawing/2014/main" id="{3F069E4D-DF6D-EFBD-2DE2-E5A902B0C49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6342058" y="243207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Germany</a:t>
            </a:r>
          </a:p>
        </p:txBody>
      </p:sp>
      <p:sp>
        <p:nvSpPr>
          <p:cNvPr id="324" name="OTLSHAPE_SLA_f2311c3e792d428fbf1ced8c97fa287b_Date">
            <a:extLst>
              <a:ext uri="{FF2B5EF4-FFF2-40B4-BE49-F238E27FC236}">
                <a16:creationId xmlns:a16="http://schemas.microsoft.com/office/drawing/2014/main" id="{99614183-5637-6BC6-AD5E-76789D8970AA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6342058" y="2599800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325" name="OTLSHAPE_SLA_f2311c3e792d428fbf1ced8c97fa287b_Variance" hidden="1">
            <a:extLst>
              <a:ext uri="{FF2B5EF4-FFF2-40B4-BE49-F238E27FC236}">
                <a16:creationId xmlns:a16="http://schemas.microsoft.com/office/drawing/2014/main" id="{FC37CF6E-7361-B92B-55A0-07CFB239967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27" name="OTLSHAPE_SLA_3b56027a3fbd4a718b704a3d38cd04e6_Title">
            <a:extLst>
              <a:ext uri="{FF2B5EF4-FFF2-40B4-BE49-F238E27FC236}">
                <a16:creationId xmlns:a16="http://schemas.microsoft.com/office/drawing/2014/main" id="{ECF8C102-9FDE-D8A6-E7C7-036D29CC74FF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7322730" y="243207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nited Kingdom</a:t>
            </a:r>
          </a:p>
        </p:txBody>
      </p:sp>
      <p:sp>
        <p:nvSpPr>
          <p:cNvPr id="328" name="OTLSHAPE_SLA_3b56027a3fbd4a718b704a3d38cd04e6_Date">
            <a:extLst>
              <a:ext uri="{FF2B5EF4-FFF2-40B4-BE49-F238E27FC236}">
                <a16:creationId xmlns:a16="http://schemas.microsoft.com/office/drawing/2014/main" id="{DEC16192-69F0-61C7-EDBB-DEA55E80162F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7322730" y="2599800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28</a:t>
            </a:r>
          </a:p>
        </p:txBody>
      </p:sp>
      <p:sp>
        <p:nvSpPr>
          <p:cNvPr id="329" name="OTLSHAPE_SLA_3b56027a3fbd4a718b704a3d38cd04e6_Variance" hidden="1">
            <a:extLst>
              <a:ext uri="{FF2B5EF4-FFF2-40B4-BE49-F238E27FC236}">
                <a16:creationId xmlns:a16="http://schemas.microsoft.com/office/drawing/2014/main" id="{557855B3-FB93-73C8-8ED4-25CDD94A69BA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31" name="OTLSHAPE_SLA_ae45b2183a5c45bdb87c20998d04ef4d_Title">
            <a:extLst>
              <a:ext uri="{FF2B5EF4-FFF2-40B4-BE49-F238E27FC236}">
                <a16:creationId xmlns:a16="http://schemas.microsoft.com/office/drawing/2014/main" id="{39F70B81-8571-B9EB-0105-A93A6ADE46DA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8905177" y="24320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India</a:t>
            </a:r>
          </a:p>
        </p:txBody>
      </p:sp>
      <p:sp>
        <p:nvSpPr>
          <p:cNvPr id="332" name="OTLSHAPE_SLA_ae45b2183a5c45bdb87c20998d04ef4d_Date">
            <a:extLst>
              <a:ext uri="{FF2B5EF4-FFF2-40B4-BE49-F238E27FC236}">
                <a16:creationId xmlns:a16="http://schemas.microsoft.com/office/drawing/2014/main" id="{4C330125-2F26-03E1-CBB9-C04F068EB5F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905177" y="259980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8</a:t>
            </a:r>
          </a:p>
        </p:txBody>
      </p:sp>
      <p:sp>
        <p:nvSpPr>
          <p:cNvPr id="333" name="OTLSHAPE_SLA_ae45b2183a5c45bdb87c20998d04ef4d_Variance" hidden="1">
            <a:extLst>
              <a:ext uri="{FF2B5EF4-FFF2-40B4-BE49-F238E27FC236}">
                <a16:creationId xmlns:a16="http://schemas.microsoft.com/office/drawing/2014/main" id="{6E1F04AF-2409-D00F-1C46-43607B0EA84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35" name="OTLSHAPE_SLA_9d2d9569a35d42748a2c3a3c82895679_Title">
            <a:extLst>
              <a:ext uri="{FF2B5EF4-FFF2-40B4-BE49-F238E27FC236}">
                <a16:creationId xmlns:a16="http://schemas.microsoft.com/office/drawing/2014/main" id="{8C4228C7-EE44-F8C4-7DB6-956EF5ABF26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2619964" y="323725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United States</a:t>
            </a:r>
          </a:p>
        </p:txBody>
      </p:sp>
      <p:sp>
        <p:nvSpPr>
          <p:cNvPr id="336" name="OTLSHAPE_SLA_9d2d9569a35d42748a2c3a3c82895679_Date">
            <a:extLst>
              <a:ext uri="{FF2B5EF4-FFF2-40B4-BE49-F238E27FC236}">
                <a16:creationId xmlns:a16="http://schemas.microsoft.com/office/drawing/2014/main" id="{F37CF57A-8724-14F1-E54B-6349A272D358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2619964" y="3404980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337" name="OTLSHAPE_SLA_9d2d9569a35d42748a2c3a3c82895679_Variance" hidden="1">
            <a:extLst>
              <a:ext uri="{FF2B5EF4-FFF2-40B4-BE49-F238E27FC236}">
                <a16:creationId xmlns:a16="http://schemas.microsoft.com/office/drawing/2014/main" id="{FB764946-2E5E-1E91-5CED-69A9ADF8C17E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39" name="OTLSHAPE_SLA_a91aae4210a44b838ea7637c822311e2_Title">
            <a:extLst>
              <a:ext uri="{FF2B5EF4-FFF2-40B4-BE49-F238E27FC236}">
                <a16:creationId xmlns:a16="http://schemas.microsoft.com/office/drawing/2014/main" id="{B44A2E9B-C325-EB3D-A686-D7BC09D842C1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4269275" y="32372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ina</a:t>
            </a:r>
          </a:p>
        </p:txBody>
      </p:sp>
      <p:sp>
        <p:nvSpPr>
          <p:cNvPr id="340" name="OTLSHAPE_SLA_a91aae4210a44b838ea7637c822311e2_Date">
            <a:extLst>
              <a:ext uri="{FF2B5EF4-FFF2-40B4-BE49-F238E27FC236}">
                <a16:creationId xmlns:a16="http://schemas.microsoft.com/office/drawing/2014/main" id="{ABA058DD-24BA-5A29-FE67-621FDEFC68C6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4269275" y="3404980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</a:p>
        </p:txBody>
      </p:sp>
      <p:sp>
        <p:nvSpPr>
          <p:cNvPr id="341" name="OTLSHAPE_SLA_a91aae4210a44b838ea7637c822311e2_Variance" hidden="1">
            <a:extLst>
              <a:ext uri="{FF2B5EF4-FFF2-40B4-BE49-F238E27FC236}">
                <a16:creationId xmlns:a16="http://schemas.microsoft.com/office/drawing/2014/main" id="{09C35FA0-49DA-CC4C-1A92-0A98E4AB61E4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50" name="OTLSHAPE_SLA_7dbd9150f4ad4fc8858e244f73d9da06_Title">
            <a:extLst>
              <a:ext uri="{FF2B5EF4-FFF2-40B4-BE49-F238E27FC236}">
                <a16:creationId xmlns:a16="http://schemas.microsoft.com/office/drawing/2014/main" id="{193D15D4-DD8A-B1CF-7078-3D2C21B86D3A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5339099" y="32372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Japan</a:t>
            </a:r>
          </a:p>
        </p:txBody>
      </p:sp>
      <p:sp>
        <p:nvSpPr>
          <p:cNvPr id="351" name="OTLSHAPE_SLA_7dbd9150f4ad4fc8858e244f73d9da06_Date">
            <a:extLst>
              <a:ext uri="{FF2B5EF4-FFF2-40B4-BE49-F238E27FC236}">
                <a16:creationId xmlns:a16="http://schemas.microsoft.com/office/drawing/2014/main" id="{962661F8-DFE0-4C02-E10F-6413E4E2CAEF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5339099" y="3404980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352" name="OTLSHAPE_SLA_7dbd9150f4ad4fc8858e244f73d9da06_Variance" hidden="1">
            <a:extLst>
              <a:ext uri="{FF2B5EF4-FFF2-40B4-BE49-F238E27FC236}">
                <a16:creationId xmlns:a16="http://schemas.microsoft.com/office/drawing/2014/main" id="{40CFC3C9-39F3-1061-D3A5-470D8A65070B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54" name="OTLSHAPE_SLA_b00fc9694afb4b7d9bc10cf49162db41_Title">
            <a:extLst>
              <a:ext uri="{FF2B5EF4-FFF2-40B4-BE49-F238E27FC236}">
                <a16:creationId xmlns:a16="http://schemas.microsoft.com/office/drawing/2014/main" id="{C2A08826-16DC-BC60-2EC8-4D04E579D70B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6275194" y="32372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Germany</a:t>
            </a:r>
          </a:p>
        </p:txBody>
      </p:sp>
      <p:sp>
        <p:nvSpPr>
          <p:cNvPr id="355" name="OTLSHAPE_SLA_b00fc9694afb4b7d9bc10cf49162db41_Date">
            <a:extLst>
              <a:ext uri="{FF2B5EF4-FFF2-40B4-BE49-F238E27FC236}">
                <a16:creationId xmlns:a16="http://schemas.microsoft.com/office/drawing/2014/main" id="{080AFD7F-957C-AB77-A99D-503F4A2CD246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6275194" y="3404980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356" name="OTLSHAPE_SLA_b00fc9694afb4b7d9bc10cf49162db41_Variance" hidden="1">
            <a:extLst>
              <a:ext uri="{FF2B5EF4-FFF2-40B4-BE49-F238E27FC236}">
                <a16:creationId xmlns:a16="http://schemas.microsoft.com/office/drawing/2014/main" id="{17320B26-9947-357D-728A-A5FDD0C28AD2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58" name="OTLSHAPE_SLA_e925606444614101be8ad0c4a1aa5627_Title">
            <a:extLst>
              <a:ext uri="{FF2B5EF4-FFF2-40B4-BE49-F238E27FC236}">
                <a16:creationId xmlns:a16="http://schemas.microsoft.com/office/drawing/2014/main" id="{73C49091-77A5-2CDE-7349-B50134CF80EE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8838312" y="323725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India</a:t>
            </a:r>
          </a:p>
        </p:txBody>
      </p:sp>
      <p:sp>
        <p:nvSpPr>
          <p:cNvPr id="359" name="OTLSHAPE_SLA_e925606444614101be8ad0c4a1aa5627_Date">
            <a:extLst>
              <a:ext uri="{FF2B5EF4-FFF2-40B4-BE49-F238E27FC236}">
                <a16:creationId xmlns:a16="http://schemas.microsoft.com/office/drawing/2014/main" id="{7F43AEA7-11DB-2145-40CC-8ABC01A29A73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8838312" y="340498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5</a:t>
            </a:r>
          </a:p>
        </p:txBody>
      </p:sp>
      <p:sp>
        <p:nvSpPr>
          <p:cNvPr id="361" name="OTLSHAPE_SLA_e925606444614101be8ad0c4a1aa5627_Variance" hidden="1">
            <a:extLst>
              <a:ext uri="{FF2B5EF4-FFF2-40B4-BE49-F238E27FC236}">
                <a16:creationId xmlns:a16="http://schemas.microsoft.com/office/drawing/2014/main" id="{81DDB31A-494C-7629-16C0-A88FE028C106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63" name="OTLSHAPE_SLA_08ad595ec11a4134805560c56e836195_Title">
            <a:extLst>
              <a:ext uri="{FF2B5EF4-FFF2-40B4-BE49-F238E27FC236}">
                <a16:creationId xmlns:a16="http://schemas.microsoft.com/office/drawing/2014/main" id="{02F99290-69F2-5DC8-8763-4E2651FF7BE2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9752120" y="323725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nited Kingdom</a:t>
            </a:r>
          </a:p>
        </p:txBody>
      </p:sp>
      <p:sp>
        <p:nvSpPr>
          <p:cNvPr id="364" name="OTLSHAPE_SLA_08ad595ec11a4134805560c56e836195_Date">
            <a:extLst>
              <a:ext uri="{FF2B5EF4-FFF2-40B4-BE49-F238E27FC236}">
                <a16:creationId xmlns:a16="http://schemas.microsoft.com/office/drawing/2014/main" id="{23E8B2C9-98F6-E887-D10F-60CA9AB83A65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9752120" y="3404980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365" name="OTLSHAPE_SLA_08ad595ec11a4134805560c56e836195_Variance" hidden="1">
            <a:extLst>
              <a:ext uri="{FF2B5EF4-FFF2-40B4-BE49-F238E27FC236}">
                <a16:creationId xmlns:a16="http://schemas.microsoft.com/office/drawing/2014/main" id="{F164CF24-06ED-B080-E7DB-2DCAD28CD1A2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67" name="OTLSHAPE_SLA_74d2055a41f74e2bb7aeb0e914b024bf_Title">
            <a:extLst>
              <a:ext uri="{FF2B5EF4-FFF2-40B4-BE49-F238E27FC236}">
                <a16:creationId xmlns:a16="http://schemas.microsoft.com/office/drawing/2014/main" id="{639DC91F-C940-8647-812A-62F016703632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3310891" y="404243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United States</a:t>
            </a:r>
          </a:p>
        </p:txBody>
      </p:sp>
      <p:sp>
        <p:nvSpPr>
          <p:cNvPr id="369" name="OTLSHAPE_SLA_74d2055a41f74e2bb7aeb0e914b024bf_Date">
            <a:extLst>
              <a:ext uri="{FF2B5EF4-FFF2-40B4-BE49-F238E27FC236}">
                <a16:creationId xmlns:a16="http://schemas.microsoft.com/office/drawing/2014/main" id="{D0B9E8FC-94B4-CEF9-FA5B-2044C1E1E62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3310891" y="4210160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370" name="OTLSHAPE_SLA_74d2055a41f74e2bb7aeb0e914b024bf_Variance" hidden="1">
            <a:extLst>
              <a:ext uri="{FF2B5EF4-FFF2-40B4-BE49-F238E27FC236}">
                <a16:creationId xmlns:a16="http://schemas.microsoft.com/office/drawing/2014/main" id="{C42FB464-D3D7-E2C0-D68C-1CE640835F37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72" name="OTLSHAPE_SLA_6ca50cd90c1b4c1aae8ac63ade3b16af_Title">
            <a:extLst>
              <a:ext uri="{FF2B5EF4-FFF2-40B4-BE49-F238E27FC236}">
                <a16:creationId xmlns:a16="http://schemas.microsoft.com/office/drawing/2014/main" id="{26901F51-37D1-BF15-71F0-51F9FB74F4DE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358427" y="404243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ina</a:t>
            </a:r>
          </a:p>
        </p:txBody>
      </p:sp>
      <p:sp>
        <p:nvSpPr>
          <p:cNvPr id="373" name="OTLSHAPE_SLA_6ca50cd90c1b4c1aae8ac63ade3b16af_Date">
            <a:extLst>
              <a:ext uri="{FF2B5EF4-FFF2-40B4-BE49-F238E27FC236}">
                <a16:creationId xmlns:a16="http://schemas.microsoft.com/office/drawing/2014/main" id="{001A5A73-B995-E7B0-C281-B9C7EFFC1B8B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4358427" y="4210160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</a:p>
        </p:txBody>
      </p:sp>
      <p:sp>
        <p:nvSpPr>
          <p:cNvPr id="374" name="OTLSHAPE_SLA_6ca50cd90c1b4c1aae8ac63ade3b16af_Variance" hidden="1">
            <a:extLst>
              <a:ext uri="{FF2B5EF4-FFF2-40B4-BE49-F238E27FC236}">
                <a16:creationId xmlns:a16="http://schemas.microsoft.com/office/drawing/2014/main" id="{FBAAF32F-52B5-F417-0ECD-E408B1258B55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77" name="OTLSHAPE_SLA_e95fd7d7df6f4b1f9fd218db87f9473b_Title">
            <a:extLst>
              <a:ext uri="{FF2B5EF4-FFF2-40B4-BE49-F238E27FC236}">
                <a16:creationId xmlns:a16="http://schemas.microsoft.com/office/drawing/2014/main" id="{B355F11F-CF89-4458-1912-B48A028EF2D1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5428250" y="404243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Japan</a:t>
            </a:r>
          </a:p>
        </p:txBody>
      </p:sp>
      <p:sp>
        <p:nvSpPr>
          <p:cNvPr id="378" name="OTLSHAPE_SLA_e95fd7d7df6f4b1f9fd218db87f9473b_Date">
            <a:extLst>
              <a:ext uri="{FF2B5EF4-FFF2-40B4-BE49-F238E27FC236}">
                <a16:creationId xmlns:a16="http://schemas.microsoft.com/office/drawing/2014/main" id="{0221D160-94EC-C735-3D2C-1759A6BD251C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5428250" y="4210160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5</a:t>
            </a:r>
          </a:p>
        </p:txBody>
      </p:sp>
      <p:sp>
        <p:nvSpPr>
          <p:cNvPr id="379" name="OTLSHAPE_SLA_e95fd7d7df6f4b1f9fd218db87f9473b_Variance" hidden="1">
            <a:extLst>
              <a:ext uri="{FF2B5EF4-FFF2-40B4-BE49-F238E27FC236}">
                <a16:creationId xmlns:a16="http://schemas.microsoft.com/office/drawing/2014/main" id="{DDA8652A-1363-BCA0-6FF2-DDB142A297EE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81" name="OTLSHAPE_SLA_57b8057ffecb431793f29d930e9b8035_Title">
            <a:extLst>
              <a:ext uri="{FF2B5EF4-FFF2-40B4-BE49-F238E27FC236}">
                <a16:creationId xmlns:a16="http://schemas.microsoft.com/office/drawing/2014/main" id="{A37D0303-59DC-2D43-BD59-C0655F4C615E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6787817" y="404243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Germany</a:t>
            </a:r>
          </a:p>
        </p:txBody>
      </p:sp>
      <p:sp>
        <p:nvSpPr>
          <p:cNvPr id="382" name="OTLSHAPE_SLA_57b8057ffecb431793f29d930e9b8035_Date">
            <a:extLst>
              <a:ext uri="{FF2B5EF4-FFF2-40B4-BE49-F238E27FC236}">
                <a16:creationId xmlns:a16="http://schemas.microsoft.com/office/drawing/2014/main" id="{4F33A9EC-BD82-2BA1-10CC-BC698B86F249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787817" y="4210160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4</a:t>
            </a:r>
          </a:p>
        </p:txBody>
      </p:sp>
      <p:sp>
        <p:nvSpPr>
          <p:cNvPr id="383" name="OTLSHAPE_SLA_57b8057ffecb431793f29d930e9b8035_Variance" hidden="1">
            <a:extLst>
              <a:ext uri="{FF2B5EF4-FFF2-40B4-BE49-F238E27FC236}">
                <a16:creationId xmlns:a16="http://schemas.microsoft.com/office/drawing/2014/main" id="{2371C067-53F5-13D8-269B-026BE06E264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86" name="OTLSHAPE_SLA_b4a1779be02a4c1792072b72c736ca0b_Title">
            <a:extLst>
              <a:ext uri="{FF2B5EF4-FFF2-40B4-BE49-F238E27FC236}">
                <a16:creationId xmlns:a16="http://schemas.microsoft.com/office/drawing/2014/main" id="{0270854F-E0BF-EC2B-ADD9-87955D4A0D9C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7657050" y="404243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nited Kingdom</a:t>
            </a:r>
          </a:p>
        </p:txBody>
      </p:sp>
      <p:sp>
        <p:nvSpPr>
          <p:cNvPr id="387" name="OTLSHAPE_SLA_b4a1779be02a4c1792072b72c736ca0b_Date">
            <a:extLst>
              <a:ext uri="{FF2B5EF4-FFF2-40B4-BE49-F238E27FC236}">
                <a16:creationId xmlns:a16="http://schemas.microsoft.com/office/drawing/2014/main" id="{88073665-9B40-617E-AFCC-38A07741E7A4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7657050" y="4210160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388" name="OTLSHAPE_SLA_b4a1779be02a4c1792072b72c736ca0b_Variance" hidden="1">
            <a:extLst>
              <a:ext uri="{FF2B5EF4-FFF2-40B4-BE49-F238E27FC236}">
                <a16:creationId xmlns:a16="http://schemas.microsoft.com/office/drawing/2014/main" id="{AF52E695-4E77-943A-5766-F57DAA8CD076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90" name="OTLSHAPE_SLA_d5906f168a244f15a81e35dd6a06c982_Title">
            <a:extLst>
              <a:ext uri="{FF2B5EF4-FFF2-40B4-BE49-F238E27FC236}">
                <a16:creationId xmlns:a16="http://schemas.microsoft.com/office/drawing/2014/main" id="{3BB11714-813F-EE23-46D7-E5E0F6E71CEF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8726873" y="404243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India</a:t>
            </a:r>
          </a:p>
        </p:txBody>
      </p:sp>
      <p:sp>
        <p:nvSpPr>
          <p:cNvPr id="392" name="OTLSHAPE_SLA_d5906f168a244f15a81e35dd6a06c982_Date">
            <a:extLst>
              <a:ext uri="{FF2B5EF4-FFF2-40B4-BE49-F238E27FC236}">
                <a16:creationId xmlns:a16="http://schemas.microsoft.com/office/drawing/2014/main" id="{DC45F894-66ED-5B57-7DD5-57677DCC9D9B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8726873" y="4210160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393" name="OTLSHAPE_SLA_d5906f168a244f15a81e35dd6a06c982_Variance" hidden="1">
            <a:extLst>
              <a:ext uri="{FF2B5EF4-FFF2-40B4-BE49-F238E27FC236}">
                <a16:creationId xmlns:a16="http://schemas.microsoft.com/office/drawing/2014/main" id="{AC4C91CF-1F2F-715A-7DF2-08B201ED62BF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96" name="OTLSHAPE_SLA_acab0bc7a6b64541a73cfaf227b34528_Title">
            <a:extLst>
              <a:ext uri="{FF2B5EF4-FFF2-40B4-BE49-F238E27FC236}">
                <a16:creationId xmlns:a16="http://schemas.microsoft.com/office/drawing/2014/main" id="{A918BDF1-7A2B-1A42-66EF-85131F4F0D4F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3310891" y="484761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United States</a:t>
            </a:r>
          </a:p>
        </p:txBody>
      </p:sp>
      <p:sp>
        <p:nvSpPr>
          <p:cNvPr id="398" name="OTLSHAPE_SLA_acab0bc7a6b64541a73cfaf227b34528_Date">
            <a:extLst>
              <a:ext uri="{FF2B5EF4-FFF2-40B4-BE49-F238E27FC236}">
                <a16:creationId xmlns:a16="http://schemas.microsoft.com/office/drawing/2014/main" id="{CF24160F-28C8-F658-E407-7841B1E3903E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3310891" y="5015340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399" name="OTLSHAPE_SLA_acab0bc7a6b64541a73cfaf227b34528_Variance" hidden="1">
            <a:extLst>
              <a:ext uri="{FF2B5EF4-FFF2-40B4-BE49-F238E27FC236}">
                <a16:creationId xmlns:a16="http://schemas.microsoft.com/office/drawing/2014/main" id="{47C90197-BFE9-FD60-D534-4FF2DC7C15FF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01" name="OTLSHAPE_SLA_f7a90dfa38c64d1fa8256a33eda16ea6_Title">
            <a:extLst>
              <a:ext uri="{FF2B5EF4-FFF2-40B4-BE49-F238E27FC236}">
                <a16:creationId xmlns:a16="http://schemas.microsoft.com/office/drawing/2014/main" id="{44B9F780-F5E1-1F0A-25DA-91FEB812961A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5138507" y="484761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ina</a:t>
            </a:r>
          </a:p>
        </p:txBody>
      </p:sp>
      <p:sp>
        <p:nvSpPr>
          <p:cNvPr id="402" name="OTLSHAPE_SLA_f7a90dfa38c64d1fa8256a33eda16ea6_Date">
            <a:extLst>
              <a:ext uri="{FF2B5EF4-FFF2-40B4-BE49-F238E27FC236}">
                <a16:creationId xmlns:a16="http://schemas.microsoft.com/office/drawing/2014/main" id="{5E26093D-5617-47FF-36A4-AFAC449B61CD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5138507" y="5015340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 22</a:t>
            </a:r>
          </a:p>
        </p:txBody>
      </p:sp>
      <p:sp>
        <p:nvSpPr>
          <p:cNvPr id="403" name="OTLSHAPE_SLA_f7a90dfa38c64d1fa8256a33eda16ea6_Variance" hidden="1">
            <a:extLst>
              <a:ext uri="{FF2B5EF4-FFF2-40B4-BE49-F238E27FC236}">
                <a16:creationId xmlns:a16="http://schemas.microsoft.com/office/drawing/2014/main" id="{C7FFEEBD-562E-D063-90BD-8E6229BA6EF3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29" name="OTLSHAPE_SLA_c5a1d5675a774c7aaf8bf9d1a8aeabb8_Title">
            <a:extLst>
              <a:ext uri="{FF2B5EF4-FFF2-40B4-BE49-F238E27FC236}">
                <a16:creationId xmlns:a16="http://schemas.microsoft.com/office/drawing/2014/main" id="{6487B7F0-BA08-D352-1E21-BBB74D2FBA2B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6386634" y="484761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Japan</a:t>
            </a:r>
          </a:p>
        </p:txBody>
      </p:sp>
      <p:sp>
        <p:nvSpPr>
          <p:cNvPr id="430" name="OTLSHAPE_SLA_c5a1d5675a774c7aaf8bf9d1a8aeabb8_Date">
            <a:extLst>
              <a:ext uri="{FF2B5EF4-FFF2-40B4-BE49-F238E27FC236}">
                <a16:creationId xmlns:a16="http://schemas.microsoft.com/office/drawing/2014/main" id="{62601FCA-3A52-5EDD-F4FE-AF209570F3AD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6386634" y="5015340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 17</a:t>
            </a:r>
          </a:p>
        </p:txBody>
      </p:sp>
      <p:sp>
        <p:nvSpPr>
          <p:cNvPr id="431" name="OTLSHAPE_SLA_c5a1d5675a774c7aaf8bf9d1a8aeabb8_Variance" hidden="1">
            <a:extLst>
              <a:ext uri="{FF2B5EF4-FFF2-40B4-BE49-F238E27FC236}">
                <a16:creationId xmlns:a16="http://schemas.microsoft.com/office/drawing/2014/main" id="{34D99EAC-76C9-A31C-0643-42923AF17B58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33" name="OTLSHAPE_SLA_091d953a7f8d46e4ac498bb25f7fb907_Title">
            <a:extLst>
              <a:ext uri="{FF2B5EF4-FFF2-40B4-BE49-F238E27FC236}">
                <a16:creationId xmlns:a16="http://schemas.microsoft.com/office/drawing/2014/main" id="{9E0FC8D8-B025-2B0A-8865-FDC60292D195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8125097" y="484761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Germany</a:t>
            </a:r>
          </a:p>
        </p:txBody>
      </p:sp>
      <p:sp>
        <p:nvSpPr>
          <p:cNvPr id="434" name="OTLSHAPE_SLA_091d953a7f8d46e4ac498bb25f7fb907_Date">
            <a:extLst>
              <a:ext uri="{FF2B5EF4-FFF2-40B4-BE49-F238E27FC236}">
                <a16:creationId xmlns:a16="http://schemas.microsoft.com/office/drawing/2014/main" id="{986A2BAE-1511-DED9-2EB4-8E09CA378AE8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8125097" y="5015340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Nov 3</a:t>
            </a:r>
          </a:p>
        </p:txBody>
      </p:sp>
      <p:sp>
        <p:nvSpPr>
          <p:cNvPr id="435" name="OTLSHAPE_SLA_091d953a7f8d46e4ac498bb25f7fb907_Variance" hidden="1">
            <a:extLst>
              <a:ext uri="{FF2B5EF4-FFF2-40B4-BE49-F238E27FC236}">
                <a16:creationId xmlns:a16="http://schemas.microsoft.com/office/drawing/2014/main" id="{AB2E8A2F-5AB3-6C78-F1C7-91695D71ABFD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37" name="OTLSHAPE_SLA_5e65ff827864434c80b72661d9134a1f_Title">
            <a:extLst>
              <a:ext uri="{FF2B5EF4-FFF2-40B4-BE49-F238E27FC236}">
                <a16:creationId xmlns:a16="http://schemas.microsoft.com/office/drawing/2014/main" id="{A17FEB3F-B34C-FBBB-D722-2D53DF772CCE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0755080" y="48476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India</a:t>
            </a:r>
          </a:p>
        </p:txBody>
      </p:sp>
      <p:sp>
        <p:nvSpPr>
          <p:cNvPr id="438" name="OTLSHAPE_SLA_5e65ff827864434c80b72661d9134a1f_Date">
            <a:extLst>
              <a:ext uri="{FF2B5EF4-FFF2-40B4-BE49-F238E27FC236}">
                <a16:creationId xmlns:a16="http://schemas.microsoft.com/office/drawing/2014/main" id="{F766E9F0-4CD3-20BF-F08C-053D378D45B7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0755080" y="5015340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439" name="OTLSHAPE_SLA_5e65ff827864434c80b72661d9134a1f_Variance" hidden="1">
            <a:extLst>
              <a:ext uri="{FF2B5EF4-FFF2-40B4-BE49-F238E27FC236}">
                <a16:creationId xmlns:a16="http://schemas.microsoft.com/office/drawing/2014/main" id="{7E970E9E-1EE2-3418-58BD-D4E937DF2D7E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42" name="OTLSHAPE_SLA_d089fdccbacc481ab4e9e028daafaf7c_Title">
            <a:extLst>
              <a:ext uri="{FF2B5EF4-FFF2-40B4-BE49-F238E27FC236}">
                <a16:creationId xmlns:a16="http://schemas.microsoft.com/office/drawing/2014/main" id="{C31148D1-8189-1DC5-CEAB-422882CEC470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9395513" y="484761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nited Kingdom</a:t>
            </a:r>
          </a:p>
        </p:txBody>
      </p:sp>
      <p:sp>
        <p:nvSpPr>
          <p:cNvPr id="443" name="OTLSHAPE_SLA_d089fdccbacc481ab4e9e028daafaf7c_Date">
            <a:extLst>
              <a:ext uri="{FF2B5EF4-FFF2-40B4-BE49-F238E27FC236}">
                <a16:creationId xmlns:a16="http://schemas.microsoft.com/office/drawing/2014/main" id="{E0A86D70-EA9C-F143-0D94-5CFD8F9BABCB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9395513" y="5015340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30</a:t>
            </a:r>
          </a:p>
        </p:txBody>
      </p:sp>
      <p:sp>
        <p:nvSpPr>
          <p:cNvPr id="444" name="OTLSHAPE_SLA_d089fdccbacc481ab4e9e028daafaf7c_Variance" hidden="1">
            <a:extLst>
              <a:ext uri="{FF2B5EF4-FFF2-40B4-BE49-F238E27FC236}">
                <a16:creationId xmlns:a16="http://schemas.microsoft.com/office/drawing/2014/main" id="{02A5876B-025A-64C1-C3BE-313517AB570C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4412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-22 days</a:t>
            </a:r>
          </a:p>
        </p:txBody>
      </p:sp>
      <p:grpSp>
        <p:nvGrpSpPr>
          <p:cNvPr id="391" name="Group 390">
            <a:extLst>
              <a:ext uri="{FF2B5EF4-FFF2-40B4-BE49-F238E27FC236}">
                <a16:creationId xmlns:a16="http://schemas.microsoft.com/office/drawing/2014/main" id="{58E4A40C-EDF1-F1E6-D712-C72CD702D9CE}"/>
              </a:ext>
            </a:extLst>
          </p:cNvPr>
          <p:cNvGrpSpPr/>
          <p:nvPr/>
        </p:nvGrpSpPr>
        <p:grpSpPr>
          <a:xfrm>
            <a:off x="11346887" y="3294163"/>
            <a:ext cx="276999" cy="2332381"/>
            <a:chOff x="11446296" y="4100169"/>
            <a:chExt cx="276999" cy="2332381"/>
          </a:xfrm>
        </p:grpSpPr>
        <p:pic>
          <p:nvPicPr>
            <p:cNvPr id="394" name="Picture 393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AAB9650B-ADF0-E0D7-7238-B8AB66CC46A7}"/>
                </a:ext>
              </a:extLst>
            </p:cNvPr>
            <p:cNvPicPr>
              <a:picLocks noChangeAspect="1"/>
            </p:cNvPicPr>
            <p:nvPr/>
          </p:nvPicPr>
          <p:blipFill>
            <a:blip r:embed="rId22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97" name="TextBox 638">
              <a:extLst>
                <a:ext uri="{FF2B5EF4-FFF2-40B4-BE49-F238E27FC236}">
                  <a16:creationId xmlns:a16="http://schemas.microsoft.com/office/drawing/2014/main" id="{03B0D4B2-783D-9BB0-1A98-887B2A365FE0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160" name="TextBox 159">
            <a:extLst>
              <a:ext uri="{FF2B5EF4-FFF2-40B4-BE49-F238E27FC236}">
                <a16:creationId xmlns:a16="http://schemas.microsoft.com/office/drawing/2014/main" id="{7D11992F-C90B-7CDA-BC21-80817F035722}"/>
              </a:ext>
            </a:extLst>
          </p:cNvPr>
          <p:cNvSpPr txBox="1"/>
          <p:nvPr/>
        </p:nvSpPr>
        <p:spPr>
          <a:xfrm>
            <a:off x="933364" y="658761"/>
            <a:ext cx="890989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ternational Pharma product launch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52969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ODMiLCJUb3AiOjAuMCwiTGVmdCI6MC4wLCJSaWdodCI6MC4wLCJCb3R0b20iOjAuMH0sIlBhZGRpbmciOnsiJGlkIjoiODQiLCJUb3AiOjAuMCwiTGVmdCI6MC4wLCJSaWdodCI6MC4wLCJCb3R0b20iOjAuMH0sIkJhY2tncm91bmQiOnsiJGlkIjoiODUiLCJDb2xvciI6eyIkaWQiOiI4NiIsIkEiOjAsIlIiOjI1NSwiRyI6MjU1LCJCIjoyNTV9fSwiSXNWaXNpYmxlIjp0cnVlLCJXaWR0aCI6MC4wLCJIZWlnaHQiOjAuMCwiQm9yZGVyU3R5bGUiOnsiJGlkIjoiODciLCJMaW5lQ29sb3IiOm51bGwsIkxpbmVXZWlnaHQiOjAuMCwiTGluZVR5cGUiOjAsIlBhcmVudFN0eWxlIjpudWxsfS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dHJ1ZSwiV2lkdGgiOjAuMCwiSGVpZ2h0IjowLjAsIkJvcmRlclN0eWxlIjp7IiRpZCI6IjEyNyIsIkxpbmVDb2xvciI6bnVsbCwiTGluZVdlaWdodCI6MC4wLCJMaW5lVHlwZSI6MCwiUGFyZW50U3R5bGUiOm51bGx9LCJQYXJlbnRTdHlsZSI6bnVsbH0sIkRhdGVTdHlsZSI6eyIkaWQiOiIxMjgiLCJGb250U2V0dGluZ3MiOnsiJGlkIjoiMTI5IiwiRm9udFNpemUiOjksIkZvbnROYW1lIjoiQ2FsaWJyaSIsIklzQm9sZCI6ZmFsc2UsIklzSXRhbGljIjpmYWxzZSwiSXNVbmRlcmxpbmVkIjpmYWxzZSwiUGFyZW50U3R5bGUiOm51bGx9LCJBdXRvU2l6ZSI6MCwiRm9yZWdyb3VuZCI6eyIkaWQiOiIxMzAiLCJDb2xvciI6eyIkaWQiOiIxMzE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7IiRpZCI6IjEzNiIsIkxpbmVDb2xvciI6bnVsbCwiTGluZVdlaWdodCI6MC4wLCJMaW5lVHlwZSI6MCwiUGFyZW50U3R5bGUiOm51bGx9LCJQYXJlbnRTdHlsZSI6bnVsbH0sIkRhdGVGb3JtYXQiOnsiJGlkIjoiMTM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eyIkaWQiOiIxNzQiLCJDb2xvciI6eyIkaWQiOiIxNzUiLCJBIjowLCJSIjoyNTUsIkciOjI1NSwiQiI6MjU1fX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ksIkZvbnROYW1lIjoiQ2FsaWJyaSIsIklzQm9sZCI6ZmFsc2UsIklzSXRhbGljIjpmYWxzZSwiSXNVbmRlcmxpbmVkIjpmYWxzZSwiUGFyZW50U3R5bGUiOm51bGx9LCJBdXRvU2l6ZSI6MCwiRm9yZWdyb3VuZCI6eyIkaWQiOiIxNzkiLCJDb2xvciI6eyIkaWQiOiIxODA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aWQiOiIxODQiLCJBIjowLCJSIjoyNTUsIkciOjI1NSwiQiI6MjU1fX0sIklzVmlzaWJsZSI6dHJ1ZSwiV2lkdGgiOjAuMCwiSGVpZ2h0IjowLjAsIkJvcmRlclN0eWxlIjp7IiRpZCI6IjE4NSIsIkxpbmVDb2xvciI6bnVsbCwiTGluZVdlaWdodCI6MC4wLCJMaW5lVHlwZSI6MCwiUGFyZW50U3R5bGUiOm51bGx9LCJQYXJlbnRTdHlsZSI6bnVsbH0sIkRhdGVGb3JtYXQiOnsiJGlkIjoiMTg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pZCI6IjIyMyIsIkNvbG9yIjp7IiRpZCI6IjIyNCIsIkEiOjAsIlIiOjI1NSwiRyI6MjU1LCJCIjoyNTV9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OSwiRm9udE5hbWUiOiJDYWxpYnJpIiwiSXNCb2xkIjpmYWxzZSwiSXNJdGFsaWMiOmZhbHNlLCJJc1VuZGVybGluZWQiOmZhbHNlLCJQYXJlbnRTdHlsZSI6bnVsbH0sIkF1dG9TaXplIjowLCJGb3JlZ3JvdW5kIjp7IiRpZCI6IjIyOCIsIkNvbG9yIjp7IiRpZCI6IjIyO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UZvcm1hdCI6eyIkaWQiOiIyMz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pZCI6IjI3MiIsIkNvbG9yIjp7IiRpZCI6IjI3MyIsIkEiOjAsIlIiOjI1NSwiRyI6MjU1LCJCIjoyNTV9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OSwiRm9udE5hbWUiOiJDYWxpYnJpIiwiSXNCb2xkIjpmYWxzZSwiSXNJdGFsaWMiOmZhbHNlLCJJc1VuZGVybGluZWQiOmZhbHNlLCJQYXJlbnRTdHlsZSI6bnVsbH0sIkF1dG9TaXplIjowLCJGb3JlZ3JvdW5kIjp7IiRpZCI6IjI3NyIsIkNvbG9yIjp7IiRpZCI6IjI3OC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4OSwiUiI6MCwiRyI6MCwiQiI6MH19LCJJc1Zpc2libGUiOnRydWUsIldpZHRoIjowLjAsIkhlaWdodCI6MC4wLCJCb3JkZXJTdHlsZSI6eyIkaWQiOiIzMTAiLCJMaW5lQ29sb3IiOm51bGwsIkxpbmVXZWlnaHQiOjAuMCwiTGluZVR5cGUiOjAsIlBhcmVudFN0eWxlIjpudWxsfSwiUGFyZW50U3R5bGUiOm51bGx9LCJEdXJhdGlvbl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Q1IiwiVG9wIjowLjAsIkxlZnQiOjAuMCwiUmlnaHQiOjAuMCwiQm90dG9tIjowLjB9LCJQYWRkaW5nIjp7IiRpZCI6IjQ0NiIsIlRvcCI6MC4wLCJMZWZ0IjowLjAsIlJpZ2h0IjowLjAsIkJvdHRvbSI6MC4wfSwiQmFja2dyb3VuZCI6eyIkaWQiOiI0NDciLCJDb2xvciI6eyIkaWQiOiI0NDgiLCJBIjo4OSwiUiI6MCwiRyI6MCwiQiI6MH1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pZCI6IjQ1MSIsIiR0eXBlIjoiTkxSRS5Db21tb24uRG9tLlNvbGlkQ29sb3JCcnVzaCwgTkxSRS5Db21tb24iLCJDb2xvciI6eyIkaWQiOiI0NTIiLCJBIjoyNTUsIlIiOjIwNCwiRyI6MjA0LCJCIjoyMDR9fSwiTGluZVdlaWdodCI6MC4wLCJMaW5lVHlwZSI6MCwiUGFyZW50U3R5bGUiOm51bGx9LCJWZXJ0aWNhbENvbm5lY3RvclN0eWxlIjp7IiRpZCI6IjQ1MyIsIkxpbmVDb2xvciI6eyIkaWQiOiI0NTQiLCIkdHlwZSI6Ik5MUkUuQ29tbW9uLkRvbS5Tb2xpZENvbG9yQnJ1c2gsIE5MUkUuQ29tbW9uIiwiQ29sb3IiOnsiJGlkIjoiNDU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WYXJpYW5jZVBvc2l0aW9uIjo2LCJTcGFjaW5nIjozLCJJc0JlbG93VGltZWJhbmQiOnRydWUsIlBlcmNlbnRhZ2VDb21wbGV0ZVNoYXBlT3BhY2l0eSI6MzUsIkJhc2VsaW5lU3R5bGUiOnsiJGlkIjoiNDU2IiwiU2hhc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yIiwiVG9wIjowLjAsIkxlZnQiOjAuMCwiUmlnaHQiOjAuMCwiQm90dG9tIjowLjB9LCJQYWRkaW5nIjp7IiRpZCI6IjU3MyIsIlRvcCI6MC4wLCJMZWZ0IjowLjAsIlJpZ2h0IjowLjAsIkJvdHRvbSI6MC4wfSwiQmFja2dyb3VuZCI6eyIkaWQiOiI1NzQiLCJDb2xvciI6eyIkaWQiOiI1NzUiLCJBIjo4OSwiUiI6MCwiRyI6MCwiQiI6MH19LCJJc1Zpc2libGUiOnRydWUsIldpZHRoIjowLjAsIkhlaWdodCI6MC4wLCJCb3JkZXJTdHlsZSI6eyIkaWQiOiI1NzYiLCJMaW5lQ29sb3IiOm51bGwsIkxpbmVXZWlnaHQiOjAuMCwiTGluZVR5cGUiOjAsIlBhcmVudFN0eWxlIjpudWxsfSwiUGFyZW50U3R5bGUiOm51bGx9LCJEYXRlRm9ybWF0Ijp7IiRpZCI6IjU3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pZCI6Ijc1NCIsIkNvbG9yIjp7IiRpZCI6Ijc1NSIsIkEiOjAsIlIiOjI1NSwiRyI6MjU1LCJCIjoyNTV9fSwiSXNWaXNpYmxlIjp0cnVlLCJXaWR0aCI6MC4wLCJIZWlnaHQiOjAuMCwiQm9yZGVyU3R5bGUiOnsiJGlkIjoiNzU2IiwiTGluZUNvbG9yIjpudWxsLCJMaW5lV2VpZ2h0IjowLjAsIkxpbmVUeXBlIjowLCJQYXJlbnRTdHlsZSI6bnVsbH0sIlBhcmVudFN0eWxlIjpudWxsfSwiRGF0ZUZvcm1hdCI6eyIkaWQiOiI3N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U2IiwiRGF0ZVBhcnRJc1Zpc2libGUiOmZhbHNlLCJUaW1lUGFydElzVmlzaWJsZSI6ZmFsc2V9fSwiV2Vla051bWJlcmluZyI6eyIkaWQiOiI4NTciLCJGb3JtYXQiOjAsIklzVmlzaWJsZSI6ZmFsc2UsIkxhc3RLbm93blZpc2liaWxpdHlTdGF0ZSI6ZmFsc2V9LCJJc1Zpc2libGUiOnRydWUsIlZhcmlhbmNlU3R5bGUiOnsiJGlkIjoiODU4IiwiVGV4dF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aWQiOiIxNzI4IiwiQ29sb3IiOnsiJGlkIjoiMTcyOSIsIkEiOjAsIlIiOjI1NSwiRyI6MjU1LCJCIjoyNTV9fSwiSXNWaXNpYmxlIjp0cnVlLCJXaWR0aCI6MC4wLCJIZWlnaHQiOjAuMCwiQm9yZGVyU3R5bGUiOnsiJGlkIjoiMTczMCIsIkxpbmVDb2xvciI6bnVsbCwiTGluZVdlaWdodCI6MC4wLCJMaW5lVHlwZSI6MCwiUGFyZW50U3R5bGUiOm51bGx9LCJQYXJlbnRTdHlsZSI6bnVsbH0sIkRhdGVGb3JtYXQiOnsiJGlkIjoiMTc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MTAiLCJUb3AiOjAuMCwiTGVmdCI6MC4wLCJSaWdodCI6MC4wLCJCb3R0b20iOjAuMH0sIlBhZGRpbmciOnsiJGlkIjoiMjYxMSIsIlRvcCI6MC4wLCJMZWZ0IjowLjAsIlJpZ2h0IjowLjAsIkJvdHRvbSI6MC4wfSwiQmFja2dyb3VuZCI6eyIkaWQiOiIyNjEyIiwiQ29sb3IiOnsiJHJlZiI6IjI1MzcifX0sIklzVmlzaWJsZSI6dHJ1ZSwiV2lkdGgiOjAuMCwiSGVpZ2h0IjowLjAsIkJvcmRlclN0eWxlIjpudWxsLCJQYXJlbnRTdHlsZSI6bnVsbH0sIkRhdGVGb3JtYXQiOnsiJGlkIjoiMjYx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UyIiwiVG9wIjowLjAsIkxlZnQiOjAuMCwiUmlnaHQiOjAuMCwiQm90dG9tIjowLjB9LCJQYWRkaW5nIjp7IiRpZCI6IjI2NTMiLCJUb3AiOjAuMCwiTGVmdCI6MC4wLCJSaWdodCI6MC4wLCJCb3R0b20iOjAuMH0sIkJhY2tncm91bmQiOnsiJGlkIjoiMjY1NCIsIkNvbG9yIjp7IiRyZWYiOiIyNjQ3In19LCJJc1Zpc2libGUiOnRydWUsIldpZHRoIjowLjAsIkhlaWdodCI6MC4wLCJCb3JkZXJTdHlsZSI6bnVsbCwiUGFyZW50U3R5bGUiOm51bGx9LCJEYXRlRm9ybWF0Ijp7IiRpZCI6IjI2N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xNyIsIlRvcCI6MC4wLCJMZWZ0IjowLjAsIlJpZ2h0IjowLjAsIkJvdHRvbSI6MC4wfSwiUGFkZGluZyI6eyIkaWQiOiIyNzE4IiwiVG9wIjowLjAsIkxlZnQiOjAuMCwiUmlnaHQiOjAuMCwiQm90dG9tIjowLjB9LCJCYWNrZ3JvdW5kIjp7IiRpZCI6IjI3MTkiLCJDb2xvciI6eyIkcmVmIjoiMjUzNyJ9fSwiSXNWaXNpYmxlIjp0cnVlLCJXaWR0aCI6MC4wLCJIZWlnaHQiOjAuMCwiQm9yZGVyU3R5bGUiOm51bGwsIlBhcmVudFN0eWxlIjpudWxsfSwiRGF0ZUZvcm1hdCI6eyIkaWQiOiIyNzI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U1IiwiVG9wIjowLjAsIkxlZnQiOjAuMCwiUmlnaHQiOjAuMCwiQm90dG9tIjowLjB9LCJQYWRkaW5nIjp7IiRpZCI6IjI3NTYiLCJUb3AiOjAuMCwiTGVmdCI6MC4wLCJSaWdodCI6MC4wLCJCb3R0b20iOjAuMH0sIkJhY2tncm91bmQiOnsiJGlkIjoiMjc1NyIsIkNvbG9yIjp7IiRpZCI6IjI3NTgiLCJBIjo4OSwiUiI6MCwiRyI6MCwiQiI6MH19LCJJc1Zpc2libGUiOnRydWUsIldpZHRoIjowLjAsIkhlaWdodCI6MC4wLCJCb3JkZXJTdHlsZSI6bnVsbCwiUGFyZW50U3R5bGUiOm51bGx9LCJEYXRlRm9ybWF0Ijp7IiRpZCI6IjI3N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cwIiwiVG9wIjowLjAsIkxlZnQiOjAuMCwiUmlnaHQiOjAuMCwiQm90dG9tIjowLjB9LCJQYWRkaW5nIjp7IiRpZCI6IjI4NzEiLCJUb3AiOjAuMCwiTGVmdCI6MC4wLCJSaWdodCI6MC4wLCJCb3R0b20iOjAuMH0sIkJhY2tncm91bmQiOnsiJGlkIjoiMjg3MiIsIkNvbG9yIjp7IiRpZCI6IjI4NzMiLCJBIjowLCJSIjoyNTUsIkciOjI1NSwiQiI6MjU1fX0sIklzVmlzaWJsZSI6dHJ1ZSwiV2lkdGgiOjAuMCwiSGVpZ2h0IjowLjAsIkJvcmRlclN0eWxlIjpudWxsLCJQYXJlbnRTdHlsZSI6bnVsbH0sIkRhdGVGb3JtYXQiOnsiJGlkIjoiMjg3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jkxNCIsIlRvcCI6MC4wLCJMZWZ0IjowLjAsIlJpZ2h0IjowLjAsIkJvdHRvbSI6MC4wfSwiUGFkZGluZyI6eyIkaWQiOiIyOTE1IiwiVG9wIjowLjAsIkxlZnQiOjAuMCwiUmlnaHQiOjAuMCwiQm90dG9tIjowLjB9LCJCYWNrZ3JvdW5kIjp7IiRpZCI6IjI5MTYiLCJDb2xvciI6eyIkaWQiOiIyOTE3IiwiQSI6MCwiUiI6MjU1LCJHIjoyNTUsIkIiOjI1NX19LCJJc1Zpc2libGUiOnRydWUsIldpZHRoIjowLjAsIkhlaWdodCI6MC4wLCJCb3JkZXJTdHlsZSI6bnVsbCwiUGFyZW50U3R5bGUiOm51bGx9LCJEYXRlRm9ybWF0Ijp7IiRpZCI6IjI5M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NTIiLCJUb3AiOjAuMCwiTGVmdCI6MC4wLCJSaWdodCI6MC4wLCJCb3R0b20iOjAuMH0sIlBhZGRpbmciOnsiJGlkIjoiMjk1MyIsIlRvcCI6MC4wLCJMZWZ0IjowLjAsIlJpZ2h0IjowLjAsIkJvdHRvbSI6MC4wfSwiQmFja2dyb3VuZCI6eyIkaWQiOiIyOTU0IiwiQ29sb3IiOnsiJGlkIjoiMjk1NSIsIkEiOjg5LCJSIjowLCJHIjowLCJCIjowfX0sIklzVmlzaWJsZSI6dHJ1ZSwiV2lkdGgiOjAuMCwiSGVpZ2h0IjowLjAsIkJvcmRlclN0eWxlIjpudWxsLCJQYXJlbnRTdHlsZSI6bnVsbH0sIkRhdGVGb3JtYXQiOnsiJGlkIjoiMjk1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c4IiwiVG9wIjowLjAsIkxlZnQiOjAuMCwiUmlnaHQiOjAuMCwiQm90dG9tIjowLjB9LCJQYWRkaW5nIjp7IiRpZCI6IjMwNzkiLCJUb3AiOjAuMCwiTGVmdCI6MC4wLCJSaWdodCI6MC4wLCJCb3R0b20iOjAuMH0sIkJhY2tncm91bmQiOnsiJGlkIjoiMzA4MCIsIkNvbG9yIjp7IiRpZCI6IjMwODEiLCJBIjowLCJSIjoyNTUsIkciOjI1NSwiQiI6MjU1fX0sIklzVmlzaWJsZSI6dHJ1ZSwiV2lkdGgiOjAuMCwiSGVpZ2h0IjowLjAsIkJvcmRlclN0eWxlIjpudWxsLCJQYXJlbnRTdHlsZSI6bnVsbH0sIkRhdGVGb3JtYXQiOnsiJGlkIjoiMzA4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zEyMiIsIlRvcCI6MC4wLCJMZWZ0IjowLjAsIlJpZ2h0IjowLjAsIkJvdHRvbSI6MC4wfSwiUGFkZGluZyI6eyIkaWQiOiIzMTIzIiwiVG9wIjowLjAsIkxlZnQiOjAuMCwiUmlnaHQiOjAuMCwiQm90dG9tIjowLjB9LCJCYWNrZ3JvdW5kIjp7IiRpZCI6IjMxMjQiLCJDb2xvciI6eyIkaWQiOiIzMTI1IiwiQSI6MCwiUiI6MjU1LCJHIjoyNTUsIkIiOjI1NX19LCJJc1Zpc2libGUiOnRydWUsIldpZHRoIjowLjAsIkhlaWdodCI6MC4wLCJCb3JkZXJTdHlsZSI6bnVsbCwiUGFyZW50U3R5bGUiOm51bGx9LCJEYXRlRm9ybWF0Ijp7IiRpZCI6IjMxM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jAiLCJUb3AiOjAuMCwiTGVmdCI6MC4wLCJSaWdodCI6MC4wLCJCb3R0b20iOjAuMH0sIlBhZGRpbmciOnsiJGlkIjoiMzE2MSIsIlRvcCI6MC4wLCJMZWZ0IjowLjAsIlJpZ2h0IjowLjAsIkJvdHRvbSI6MC4wfSwiQmFja2dyb3VuZCI6eyIkaWQiOiIzMTYyIiwiQ29sb3IiOnsiJGlkIjoiMzE2MyIsIkEiOjg5LCJSIjowLCJHIjowLCJCIjowfX0sIklzVmlzaWJsZSI6dHJ1ZSwiV2lkdGgiOjAuMCwiSGVpZ2h0IjowLjAsIkJvcmRlclN0eWxlIjpudWxsLCJQYXJlbnRTdHlsZSI6bnVsbH0sIkRhdGVGb3JtYXQiOnsiJGlkIjoiMzE2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ODYiLCJUb3AiOjAuMCwiTGVmdCI6MC4wLCJSaWdodCI6MC4wLCJCb3R0b20iOjAuMH0sIlBhZGRpbmciOnsiJGlkIjoiMzI4NyIsIlRvcCI6MC4wLCJMZWZ0IjowLjAsIlJpZ2h0IjowLjAsIkJvdHRvbSI6MC4wfSwiQmFja2dyb3VuZCI6eyIkaWQiOiIzMjg4IiwiQ29sb3IiOnsiJGlkIjoiMzI4OSIsIkEiOjAsIlIiOjI1NSwiRyI6MjU1LCJCIjoyNTV9fSwiSXNWaXNpYmxlIjp0cnVlLCJXaWR0aCI6MC4wLCJIZWlnaHQiOjAuMCwiQm9yZGVyU3R5bGUiOm51bGwsIlBhcmVudFN0eWxlIjpudWxsfSwiRGF0ZUZvcm1hdCI6eyIkaWQiOiIzMjk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zMzMwIiwiVG9wIjowLjAsIkxlZnQiOjAuMCwiUmlnaHQiOjAuMCwiQm90dG9tIjowLjB9LCJQYWRkaW5nIjp7IiRpZCI6IjMzMzEiLCJUb3AiOjAuMCwiTGVmdCI6MC4wLCJSaWdodCI6MC4wLCJCb3R0b20iOjAuMH0sIkJhY2tncm91bmQiOnsiJGlkIjoiMzMzMiIsIkNvbG9yIjp7IiRpZCI6IjMzMzMiLCJBIjowLCJSIjoyNTUsIkciOjI1NSwiQiI6MjU1fX0sIklzVmlzaWJsZSI6dHJ1ZSwiV2lkdGgiOjAuMCwiSGVpZ2h0IjowLjAsIkJvcmRlclN0eWxlIjpudWxsLCJQYXJlbnRTdHlsZSI6bnVsbH0sIkRhdGVGb3JtYXQiOnsiJGlkIjoiMzM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2OCIsIlRvcCI6MC4wLCJMZWZ0IjowLjAsIlJpZ2h0IjowLjAsIkJvdHRvbSI6MC4wfSwiUGFkZGluZyI6eyIkaWQiOiIzMzY5IiwiVG9wIjowLjAsIkxlZnQiOjAuMCwiUmlnaHQiOjAuMCwiQm90dG9tIjowLjB9LCJCYWNrZ3JvdW5kIjp7IiRpZCI6IjMzNzAiLCJDb2xvciI6eyIkaWQiOiIzMzcxIiwiQSI6ODksIlIiOjAsIkciOjAsIkIiOjB9fSwiSXNWaXNpYmxlIjp0cnVlLCJXaWR0aCI6MC4wLCJIZWlnaHQiOjAuMCwiQm9yZGVyU3R5bGUiOm51bGwsIlBhcmVudFN0eWxlIjpudWxsfSwiRGF0ZUZvcm1hdCI6eyIkaWQiOiIzMzc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5NCIsIlRvcCI6MC4wLCJMZWZ0IjowLjAsIlJpZ2h0IjowLjAsIkJvdHRvbSI6MC4wfSwiUGFkZGluZyI6eyIkaWQiOiIzNDk1IiwiVG9wIjowLjAsIkxlZnQiOjAuMCwiUmlnaHQiOjAuMCwiQm90dG9tIjowLjB9LCJCYWNrZ3JvdW5kIjp7IiRpZCI6IjM0OTYiLCJDb2xvciI6eyIkaWQiOiIzNDk3IiwiQSI6MCwiUiI6MjU1LCJHIjoyNTUsIkIiOjI1NX19LCJJc1Zpc2libGUiOnRydWUsIldpZHRoIjowLjAsIkhlaWdodCI6MC4wLCJCb3JkZXJTdHlsZSI6bnVsbCwiUGFyZW50U3R5bGUiOm51bGx9LCJEYXRlRm9ybWF0Ijp7IiRpZCI6IjM0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M1MzgiLCJUb3AiOjAuMCwiTGVmdCI6MC4wLCJSaWdodCI6MC4wLCJCb3R0b20iOjAuMH0sIlBhZGRpbmciOnsiJGlkIjoiMzUzOSIsIlRvcCI6MC4wLCJMZWZ0IjowLjAsIlJpZ2h0IjowLjAsIkJvdHRvbSI6MC4wfSwiQmFja2dyb3VuZCI6eyIkaWQiOiIzNTQwIiwiQ29sb3IiOnsiJGlkIjoiMzU0MSIsIkEiOjAsIlIiOjI1NSwiRyI6MjU1LCJCIjoyNTV9fSwiSXNWaXNpYmxlIjp0cnVlLCJXaWR0aCI6MC4wLCJIZWlnaHQiOjAuMCwiQm9yZGVyU3R5bGUiOm51bGwsIlBhcmVudFN0eWxlIjpudWxsfSwiRGF0ZUZvcm1hdCI6eyIkaWQiOiIzNTQ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c2IiwiVG9wIjowLjAsIkxlZnQiOjAuMCwiUmlnaHQiOjAuMCwiQm90dG9tIjowLjB9LCJQYWRkaW5nIjp7IiRpZCI6IjM1NzciLCJUb3AiOjAuMCwiTGVmdCI6MC4wLCJSaWdodCI6MC4wLCJCb3R0b20iOjAuMH0sIkJhY2tncm91bmQiOnsiJGlkIjoiMzU3OCIsIkNvbG9yIjp7IiRpZCI6IjM1NzkiLCJBIjo4OSwiUiI6MCwiRyI6MCwiQiI6MH19LCJJc1Zpc2libGUiOnRydWUsIldpZHRoIjowLjAsIkhlaWdodCI6MC4wLCJCb3JkZXJTdHlsZSI6bnVsbCwiUGFyZW50U3R5bGUiOm51bGx9LCJEYXRlRm9ybWF0Ijp7IiRpZCI6IjM1O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VcGRhdGVTY2FsZUZvckltcG9ydGVkVGltZWxpbmUiOiJGYWxzZSIsIlNvdXJjZVRoZW1lIjoie1wiJGlkXCI6XCIxXCIsXCJJZFwiOlwiODFlMmI3ZDQtNDQ5NS00NTIyLWE0MTktNDZmYjkzZTA5YzVmXCIsXCJDYXRlZ29yeVwiOjI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2NixcIkdcIjoxODMsXCJCXCI6Mz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mZhbHN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nRydWUsXCJTZWdtZW50U2VwYXJhdG9yT3BhY2l0eVwiOjMwLFwiU2hhcGVcIjowLFwiU2VnbWVudFRleHRTdHlsZVwiOntcIiRpZFwiOlwiMjRcIixcIkZvbnRTZXR0aW5nc1wiOntcIiRpZFwiOlwiMjVcIixcIkZvbnRTaXplXCI6MTA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E1LFwiR1wiOjExNSxcIkJcIjoxMTV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CxcIkdcIjowLFwiQlwiOjB9fSxcIkVsYXBzZWRUaW1lRm9ybWF0XCI6MixcIklzVmlzaWJsZVwiOmZhbHN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wLjAsXCJMaW5lVHlwZVwiOjB9LFwiSXNWaXNpYmxlXCI6ZmFsc2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VmFyaWFuY2VQb3NpdGlvblwiOjIsXCJTcGFjaW5nXCI6MyxcIklzQmVsb3dUaW1lYmFuZFwiOnRydW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NDAsXCJHXCI6MTI3LFwiQlwiOjl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wLFwiRm9udE5hbWVcIjpcIkNhbGlicmlcIixcIklzQm9sZFwiOnRydW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OSxcIkZvbnROYW1lXCI6XCJDYWxpYnJpXCIsXCJJc0JvbGRcIjpmYWxzZSxcIklzSXRhbGljXCI6ZmFsc2UsXCJJc1VuZGVybGluZWRcIjpmYWxzZX0sXCJGb3JlZ3JvdW5kXCI6e1wiJGlkXCI6XCI5MFwiLFwiQ29sb3JcIjp7XCIkaWRcIjpcIjkxXCIsXCJBXCI6MjU1LFwiUlwiOjY4LFwiR1wiOjg0LFwiQlwiOjEwNn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MyxcIklzQmVsb3dUaW1lYmFuZFwiOmZhbHNlLFwiU2hhcGVTaXplXCI6MCxcIlBhZGRpbmdcIjp7XCIkaWRcIjpcIjEwMFwiLFwiVG9wXCI6Ny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mYyMGYyNGE5LTE5NWEtNGQwMy1hODI3LWYzM2Q1N2M4YmFjZlwiLFwiTmFtZVwiOlwiU3dpbWxhbmUgU3R5bGUgMVwiLFwiSGVhZGVyU3R5bGVcIjp7XCIkaWRcIjpcIjE1MlwiLFwiVGV4dFN0eWxlXCI6e1wiJGlkXCI6XCIxNTNcIixcIkZvbnRTZXR0aW5nc1wiOntcIiRpZFwiOlwiMTU0XCIsXCJGb250U2l6ZVwiOjEy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0MCxcIkdcIjoxMjcsXCJCXCI6OX19LFwiSXNWaXNpYmxlXCI6dHJ1ZSxcIldpZHRoXCI6MC4wLFwiSGVpZ2h0XCI6MC4wLFwiQm9yZGVyU3R5bGVcIjp7XCIkaWRcIjpcIjE2MlwiLFwiTGluZVN0eWxlXCI6e1wiJGlkXCI6XCIxNjNcIixcIkxpbmVDb2xvclwiOntcIiRpZFwiOlwiMTY0XCIsXCJDb2xvclwiOntcIiRpZFwiOlwiMTY1XCIsXCJBXCI6MjU1LFwiUlwiOjE3NixcIkdcIjo5MixcIkJcIjo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UxLFwiUlwiOjI3LFwiR1wiOjg4LFwiQlwiOjEyN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AuMCxcIkxpbmVUeXBlXCI6MH0sXCJJc1Zpc2libGVcIjpmYWxzZX19fSxcIkRlZmF1bHRTd2ltbGFuZU1pbGVzdG9uZVN0eWxlXCI6e1wiJGlkXCI6XCIxOTlcIixcIlRpdGxlUG9zaXRpb25cIjoyLFwiRGF0ZVBvc2l0aW9uXCI6MCxcIlZhcmlhbmNlUG9zaXRpb25cIjowLFwiU2hhcGVUeXBlXCI6My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QwLFwiR1wiOjEyNyxcIkJcIjo5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5LFwiRm9udE5hbWVcIjpcIkNhbGlicmlcIixcIklzQm9sZFwiOmZhbHNlLFwiSXNJdGFsaWNcIjpmYWxzZSxcIklzVW5kZXJsaW5lZFwiOmZhbHNlfSxcIkZvcmVncm91bmRcIjp7XCIkaWRcIjpcIjI4OFwiLFwiQ29sb3JcIjp7XCIkaWRcIjpcIjI4OVwiLFwiQVwiOjI1NSxcIlJcIjo1MCxcIkdcIjo1MCxcIkJcIjo1MH19LFwiSG9yaXpvbnRhbEFsaWdubWVudFwiOjE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xNTMsXCJSXCI6MCxcIkdcIjowLFwiQlwiOjB9fSxcIklzVmlzaWJsZVwiOmZhbHNlLFwiV2lkdGhcIjowLjAsXCJIZWlnaHRcIjowLjAsXCJCb3JkZXJTdHlsZVwiOntcIiRpZFwiOlwiMzg5XCIsXCJMaW5lU3R5bGVcIjp7XCIkaWRcIjpcIjM5MFwiLFwiTGluZUNvbG9yXCI6e1wiJGlkXCI6XCIzOTFcIixcIkNvbG9yXCI6e1wiJGlkXCI6XCIzOTJcIixcIkFcIjoyNTUsXCJSXCI6MjU1LFwiR1wiOjAsXCJCXCI6MH19LFwiTGluZVdlaWdodFwiOjIuMCxcIkxpbmVUeXBlXCI6MH0sXCJJc1Zpc2libGVcIjpmYWxzZX19f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TU5LFwiR1wiOjQxLFwiQlwiOjU0fX0sXCJJc1Zpc2libGVcIjp0cnVlLFwiV2lkdGhcIjo1Mzk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I3MDZkNWFmYy05MDBmLTRiOGEtOWRhYy00ZmJlZDFmM2Y4YmZcIixcIk5hbWVcIjpcIlN3aW1sYW5lIFN0eWxlIDNcIixcIkhlYWRlclN0eWxlXCI6e1wiJGlkXCI6XCI0NDRcIixcIlRleHRTdHlsZVwiOntcIiRpZFwiOlwiNDQ1XCIsXCJGb250U2V0dGluZ3NcIjp7XCIkaWRcIjpcIjQ0NlwiLFwiRm9udFNpemVcIjoxMi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w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yxcIkdcIjo4OCxcIkJcIjoxMjR9fSxcIklzVmlzaWJsZVwiOnRydWUsXCJXaWR0aFwiOjAuMCxcIkhlaWdodFwiOjAuMCxcIkJvcmRlclN0eWxlXCI6e1wiJGlkXCI6XCI0NTRcIixcIkxpbmVTdHlsZVwiOntcIiRpZFwiOlwiNDU1XCIsXCJMaW5lQ29sb3JcIjp7XCIkaWRcIjpcIjQ1NlwiLFwiQ29sb3JcIjp7XCIkaWRcIjpcIjQ1N1wiLFwiQVwiOjI1NSxcIlJcIjoxNzYsXCJHXCI6OTIsXCJCXCI6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CxcIkVuZERhdGVQb3NpdGlvblwiOjAsXCJUaXRsZVBvc2l0aW9uXCI6Mi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yxcIlNoYXBlU2l6ZVwiOjEsXCJEZXRhaWxzU3BhY2luZ1wiOjEuMCxcIlBhZGRpbmdcIjp7XCIkaWRcIjpcIjU2NFwiLFwiVG9wXCI6Ny4wLFwiTGVmdFwiOjMuMCxcIlJpZ2h0XCI6MC4wLFwiQm90dG9tXCI6Mi4wfSxcIlBvc2l0aW9uT25UYXNrXCI6My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cwOGEwMWIzLTVhODctNGE0OS1iYzU4LWIyMjQ1NWNlYTBjMVwiLFwiTmFtZVwiOlwiU3dpbWxhbmUgU3R5bGUgNFwiLFwiSGVhZGVyU3R5bGVcIjp7XCIkaWRcIjpcIjU5MFwiLFwiVGV4dFN0eWxlXCI6e1wiJGlkXCI6XCI1OTFcIixcIkZvbnRTZXR0aW5nc1wiOntcIiRpZFwiOlwiNTkyXCIsXCJGb250U2l6ZVwiOjEy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c4LFwiR1wiOjEzMyxcIkJcIjo2Nn19LFwiSXNWaXNpYmxlXCI6dHJ1ZSxcIldpZHRoXCI6MC4wLFwiSGVpZ2h0XCI6MC4wLFwiQm9yZGVyU3R5bGVcIjp7XCIkaWRcIjpcIjYwMFwiLFwiTGluZVN0eWxlXCI6e1wiJGlkXCI6XCI2MDFcIixcIkxpbmVDb2xvclwiOntcIiRpZFwiOlwiNjAyXCIsXCJDb2xvclwiOntcIiRpZFwiOlwiNjAzXCIsXCJBXCI6MjU1LFwiUlwiOjE3NixcIkdcIjo5MixcIkJcIjo1fX0sXCJMaW5lV2VpZ2h0XCI6MC4wLFwiTGluZVR5cGVcIjowfSxcIklzVmlzaWJsZVwiOmZhbHNlfX19LFwiQmFja2dyb3VuZFN0eWxlXCI6e1wiJGlkXCI6XCI2MDRcIi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NTEsXCJSXCI6MjcsXCJHXCI6ODgsXCJCXCI6MTI0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C4wLFwiTGluZVR5cGVcIjowfSxcIklzVmlzaWJsZVwiOmZhbHNlfX0sXCJJc0Fib3ZlVGltZWJhbmRcIjpmYWxzZSxcIlNwYWNpbmdcIjo1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AuMCxcIkxpbmVUeXBlXCI6MH0sXCJJc1Zpc2libGVcIjpmYWxzZX19fSxcIkRlZmF1bHRTd2ltbGFuZU1pbGVzdG9uZVN0eWxlXCI6e1wiJGlkXCI6XCI2MzdcIixcIlRpdGxlUG9zaXRpb25cIjoyLFwiRGF0ZVBvc2l0aW9uXCI6MCxcIlZhcmlhbmNlUG9zaXRpb25cIjowLFwiU2hhcGVUeXBlXCI6My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NzgsXCJHXCI6MTMzLFwiQlwiOjY2fX0sXCJJc1Zpc2libGVcIjp0cnVlLFwiV2lkdGhcIjoxMi4wLFwiSGVpZ2h0XCI6MTQ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wLFwiRW5kRGF0ZVBvc2l0aW9uXCI6MCxcIlRpdGxlUG9zaXRpb25cIjoy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5LFwiRm9udE5hbWVcIjpcIkNhbGlicmlcIixcIklzQm9sZFwiOmZhbHNlLFwiSXNJdGFsaWNcIjpmYWxzZSxcIklzVW5kZXJsaW5lZFwiOmZhbHNlfSxcIkZvcmVncm91bmRcIjp7XCIkaWRcIjpcIjcyNlwiLFwiQ29sb3JcIjp7XCIkaWRcIjpcIjcyN1wiLFwiQVwiOjI1NSxcIlJcIjo1MCxcIkdcIjo1MCxcIkJcIjo1MH19LFwiSG9yaXpvbnRhbEFsaWdubWVudFwiOjEsXCJJc1Zpc2libGVcIjp0cnVlfSxcIkRhdGVGb3JtYXRcIjp7XCIkaWRcIjpcIjcy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6-01-20T23:59:00.0000000"/>
  <p:tag name="OTLBASELINEDATE" val="2026-01-20T23:59:00.0000000"/>
  <p:tag name="OTLRELATEDTASKID" val="2ae9adfd-d8ab-4eaf-8172-54568219b6d8"/>
  <p:tag name="OTLPOSITIONONTASK" val="Abov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DATE" val="2026-04-28T23:59:00.0000000"/>
  <p:tag name="OTLBASELINEDATE" val="2026-04-28T23:59:00.0000000"/>
  <p:tag name="OTLRELATEDTASKID" val="2ae9adfd-d8ab-4eaf-8172-54568219b6d8"/>
  <p:tag name="OTLPOSITIONONTASK" val="Above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DATE" val="2026-07-04T23:59:00.0000000"/>
  <p:tag name="OTLBASELINEDATE" val="2026-07-04T23:59:00.0000000"/>
  <p:tag name="OTLRELATEDTASKID" val="2ae9adfd-d8ab-4eaf-8172-54568219b6d8"/>
  <p:tag name="OTLPOSITIONONTASK" val="Abov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DATE" val="2026-08-15T23:59:00.0000000"/>
  <p:tag name="OTLBASELINEDATE" val="2026-08-15T23:59:00.0000000"/>
  <p:tag name="OTLRELATEDTASKID" val="2ae9adfd-d8ab-4eaf-8172-54568219b6d8"/>
  <p:tag name="OTLPOSITIONONTASK" val="Above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DATE" val="2026-09-28T23:59:00.0000000"/>
  <p:tag name="OTLBASELINEDATE" val="2026-09-28T23:59:00.0000000"/>
  <p:tag name="OTLRELATEDTASKID" val="2ae9adfd-d8ab-4eaf-8172-54568219b6d8"/>
  <p:tag name="OTLPOSITIONONTASK" val="Abov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6-12-08T23:59:00.0000000"/>
  <p:tag name="OTLBASELINEDATE" val="2026-12-08T23:59:00.0000000"/>
  <p:tag name="OTLRELATEDTASKID" val="2ae9adfd-d8ab-4eaf-8172-54568219b6d8"/>
  <p:tag name="OTLPOSITIONONTASK" val="Above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6-03-01T23:59:00.0000000"/>
  <p:tag name="OTLBASELINEDATE" val="2026-03-01T23:59:00.0000000"/>
  <p:tag name="OTLRELATEDTASKID" val="375866c8-5e2e-425e-9fe1-ea39be34edce"/>
  <p:tag name="OTLPOSITIONONTASK" val="Above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DATE" val="2026-05-14T23:59:00.0000000"/>
  <p:tag name="OTLBASELINEDATE" val="2026-05-14T23:59:00.0000000"/>
  <p:tag name="OTLRELATEDTASKID" val="375866c8-5e2e-425e-9fe1-ea39be34edce"/>
  <p:tag name="OTLPOSITIONONTASK" val="Above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DATE" val="2026-07-01T23:59:00.0000000"/>
  <p:tag name="OTLBASELINEDATE" val="2026-07-01T23:59:00.0000000"/>
  <p:tag name="OTLRELATEDTASKID" val="375866c8-5e2e-425e-9fe1-ea39be34edce"/>
  <p:tag name="OTLPOSITIONONTASK" val="Above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DATE" val="2026-08-12T23:59:00.0000000"/>
  <p:tag name="OTLBASELINEDATE" val="2026-08-12T23:59:00.0000000"/>
  <p:tag name="OTLRELATEDTASKID" val="375866c8-5e2e-425e-9fe1-ea39be34edce"/>
  <p:tag name="OTLPOSITIONONTASK" val="Abov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6-12-05T23:59:00.0000000"/>
  <p:tag name="OTLBASELINEDATE" val="2026-12-05T23:59:00.0000000"/>
  <p:tag name="OTLRELATEDTASKID" val="375866c8-5e2e-425e-9fe1-ea39be34edce"/>
  <p:tag name="OTLPOSITIONONTASK" val="Abov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DATE" val="2027-01-15T23:59:00.0000000"/>
  <p:tag name="OTLBASELINEDATE" val="2027-01-15T23:59:00.0000000"/>
  <p:tag name="OTLRELATEDTASKID" val="375866c8-5e2e-425e-9fe1-ea39be34edce"/>
  <p:tag name="OTLPOSITIONONTASK" val="Above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6-04-01T23:59:00.0000000"/>
  <p:tag name="OTLBASELINEDATE" val="2026-04-01T23:59:00.0000000"/>
  <p:tag name="OTLRELATEDTASKID" val="ac9a0446-5de6-4022-b346-8b012cdb8c7f"/>
  <p:tag name="OTLPOSITIONONTASK" val="Abov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DATE" val="2026-05-18T23:59:00.0000000"/>
  <p:tag name="OTLBASELINEDATE" val="2026-05-18T23:59:00.0000000"/>
  <p:tag name="OTLRELATEDTASKID" val="ac9a0446-5de6-4022-b346-8b012cdb8c7f"/>
  <p:tag name="OTLPOSITIONONTASK" val="Above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DATE" val="2026-07-05T23:59:00.0000000"/>
  <p:tag name="OTLBASELINEDATE" val="2026-07-05T23:59:00.0000000"/>
  <p:tag name="OTLRELATEDTASKID" val="ac9a0446-5de6-4022-b346-8b012cdb8c7f"/>
  <p:tag name="OTLPOSITIONONTASK" val="Abov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DATE" val="2026-09-04T23:59:00.0000000"/>
  <p:tag name="OTLBASELINEDATE" val="2026-09-04T23:59:00.0000000"/>
  <p:tag name="OTLRELATEDTASKID" val="ac9a0446-5de6-4022-b346-8b012cdb8c7f"/>
  <p:tag name="OTLPOSITIONONTASK" val="Above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DATE" val="2026-10-13T23:59:00.0000000"/>
  <p:tag name="OTLBASELINEDATE" val="2026-10-13T23:59:00.0000000"/>
  <p:tag name="OTLRELATEDTASKID" val="ac9a0446-5de6-4022-b346-8b012cdb8c7f"/>
  <p:tag name="OTLPOSITIONONTASK" val="Above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6-11-30T23:59:00.0000000"/>
  <p:tag name="OTLBASELINEDATE" val="2026-11-30T23:59:00.0000000"/>
  <p:tag name="OTLRELATEDTASKID" val="ac9a0446-5de6-4022-b346-8b012cdb8c7f"/>
  <p:tag name="OTLPOSITIONONTASK" val="Above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6-04-01T23:59:00.0000000"/>
  <p:tag name="OTLBASELINEDATE" val="2026-04-01T23:59:00.0000000"/>
  <p:tag name="OTLRELATEDTASKID" val="e8533d33-f9fc-4ed5-9d0b-87cffe948df2"/>
  <p:tag name="OTLPOSITIONONTASK" val="Above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DATE" val="2026-06-22T23:59:00.0000000"/>
  <p:tag name="OTLBASELINEDATE" val="2026-06-22T23:59:00.0000000"/>
  <p:tag name="OTLRELATEDTASKID" val="e8533d33-f9fc-4ed5-9d0b-87cffe948df2"/>
  <p:tag name="OTLPOSITIONONTASK" val="Abov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DATE" val="2026-08-17T23:59:00.0000000"/>
  <p:tag name="OTLBASELINEDATE" val="2026-08-17T23:59:00.0000000"/>
  <p:tag name="OTLRELATEDTASKID" val="e8533d33-f9fc-4ed5-9d0b-87cffe948df2"/>
  <p:tag name="OTLPOSITIONONTASK" val="Above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DATE" val="2026-11-03T23:59:00.0000000"/>
  <p:tag name="OTLBASELINEDATE" val="2026-11-03T23:59:00.0000000"/>
  <p:tag name="OTLRELATEDTASKID" val="e8533d33-f9fc-4ed5-9d0b-87cffe948df2"/>
  <p:tag name="OTLPOSITIONONTASK" val="Above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7-03-01T23:59:00.0000000"/>
  <p:tag name="OTLBASELINEDATE" val="2027-03-01T23:59:00.0000000"/>
  <p:tag name="OTLRELATEDTASKID" val="e8533d33-f9fc-4ed5-9d0b-87cffe948df2"/>
  <p:tag name="OTLPOSITIONONTASK" val="Above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DATE" val="2026-12-30T23:59:00.0000000"/>
  <p:tag name="OTLBASELINEDATE" val="2027-01-30T23:59:00.0000000"/>
  <p:tag name="OTLRELATEDTASKID" val="e8533d33-f9fc-4ed5-9d0b-87cffe948df2"/>
  <p:tag name="OTLPOSITIONONTASK" val="Above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APPENDYEARONYEARCHANGE" val="Tru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ENDDATE" val="2027-03-01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Tru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ENDDATE" val="2027-03-01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Tru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TYPE" val="Days"/>
  <p:tag name="OTLTIMEBANDSHAPETYPE" val="RectangleTimeband"/>
  <p:tag name="OTLTIMEBANDSHAPEHEIGHT" val="14.3999996185303"/>
  <p:tag name="OTLTIMEBANDSHAPEPADDINGLEFT" val="0"/>
  <p:tag name="OTLTIMEBANDENDDATE" val="2027-03-01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1-20T00:00:00.0000000Z"/>
  <p:tag name="OTLENDDATE" val="2026-12-09T23:59:00.0000000Z"/>
  <p:tag name="OTLBASELINESTARTDATE" val="2026-01-20T00:00:00.0000000"/>
  <p:tag name="OTLBASELINEENDDATE" val="2026-12-09T23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3-01T00:00:00.0000000Z"/>
  <p:tag name="OTLENDDATE" val="2027-01-15T23:59:00.0000000Z"/>
  <p:tag name="OTLBASELINESTARTDATE" val="2026-03-01T00:00:00.0000000"/>
  <p:tag name="OTLBASELINEENDDATE" val="2027-01-15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4-01T00:00:00.0000000Z"/>
  <p:tag name="OTLENDDATE" val="2026-12-02T23:59:00.0000000Z"/>
  <p:tag name="OTLBASELINESTARTDATE" val="2026-04-01T00:00:00.0000000"/>
  <p:tag name="OTLBASELINEENDDATE" val="2026-12-02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4-01T00:00:00.0000000Z"/>
  <p:tag name="OTLENDDATE" val="2027-03-01T23:59:00.0000000Z"/>
  <p:tag name="OTLBASELINESTARTDATE" val="2026-04-01T00:00:00.0000000"/>
  <p:tag name="OTLBASELINEENDDATE" val="2027-03-01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2_Office Theme">
  <a:themeElements>
    <a:clrScheme name="Aspect">
      <a:dk1>
        <a:sysClr val="windowText" lastClr="000000"/>
      </a:dk1>
      <a:lt1>
        <a:sysClr val="window" lastClr="FFFFFF"/>
      </a:lt1>
      <a:dk2>
        <a:srgbClr val="323232"/>
      </a:dk2>
      <a:lt2>
        <a:srgbClr val="E3DED1"/>
      </a:lt2>
      <a:accent1>
        <a:srgbClr val="F07F09"/>
      </a:accent1>
      <a:accent2>
        <a:srgbClr val="9F2936"/>
      </a:accent2>
      <a:accent3>
        <a:srgbClr val="1B587C"/>
      </a:accent3>
      <a:accent4>
        <a:srgbClr val="4E8542"/>
      </a:accent4>
      <a:accent5>
        <a:srgbClr val="604878"/>
      </a:accent5>
      <a:accent6>
        <a:srgbClr val="C19859"/>
      </a:accent6>
      <a:hlink>
        <a:srgbClr val="6B9F25"/>
      </a:hlink>
      <a:folHlink>
        <a:srgbClr val="B26B0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0</Words>
  <Application>Microsoft Office PowerPoint</Application>
  <PresentationFormat>Widescreen</PresentationFormat>
  <Paragraphs>11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3" baseType="lpstr">
      <vt:lpstr>Aptos</vt:lpstr>
      <vt:lpstr>Aptos Display</vt:lpstr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1_Office Theme</vt:lpstr>
      <vt:lpstr>2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6-02-24T09:34:58Z</dcterms:created>
  <dcterms:modified xsi:type="dcterms:W3CDTF">2026-02-24T09:35:20Z</dcterms:modified>
</cp:coreProperties>
</file>